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9"/>
  </p:sldMasterIdLst>
  <p:notesMasterIdLst>
    <p:notesMasterId r:id="rId31"/>
  </p:notesMasterIdLst>
  <p:handoutMasterIdLst>
    <p:handoutMasterId r:id="rId32"/>
  </p:handoutMasterIdLst>
  <p:sldIdLst>
    <p:sldId id="486" r:id="rId10"/>
    <p:sldId id="257" r:id="rId11"/>
    <p:sldId id="282" r:id="rId12"/>
    <p:sldId id="268" r:id="rId13"/>
    <p:sldId id="466" r:id="rId14"/>
    <p:sldId id="468" r:id="rId15"/>
    <p:sldId id="482" r:id="rId16"/>
    <p:sldId id="471" r:id="rId17"/>
    <p:sldId id="472" r:id="rId18"/>
    <p:sldId id="474" r:id="rId19"/>
    <p:sldId id="475" r:id="rId20"/>
    <p:sldId id="485" r:id="rId21"/>
    <p:sldId id="476" r:id="rId22"/>
    <p:sldId id="263" r:id="rId23"/>
    <p:sldId id="477" r:id="rId24"/>
    <p:sldId id="484" r:id="rId25"/>
    <p:sldId id="478" r:id="rId26"/>
    <p:sldId id="473" r:id="rId27"/>
    <p:sldId id="261" r:id="rId28"/>
    <p:sldId id="487" r:id="rId29"/>
    <p:sldId id="488" r:id="rId30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1" autoAdjust="0"/>
    <p:restoredTop sz="94660"/>
  </p:normalViewPr>
  <p:slideViewPr>
    <p:cSldViewPr showGuides="1">
      <p:cViewPr varScale="1">
        <p:scale>
          <a:sx n="114" d="100"/>
          <a:sy n="114" d="100"/>
        </p:scale>
        <p:origin x="186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34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handoutMaster" Target="handoutMasters/handoutMaster1.xml"/><Relationship Id="rId5" Type="http://schemas.openxmlformats.org/officeDocument/2006/relationships/customXml" Target="../customXml/item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tableStyles" Target="tableStyles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1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RGHNAS01.regionh.top.local\HOME-H\HHAA1004\BP%20Ressourceestimater\Ressourceestimat%202019-20%20-%20Leverancen%20IT-udstyr%20-%20BP%20-%20010519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Ressourceestimat 2019-20 - Leverancen IT-udstyr - BP - 010519.xlsx]Pivotdiagram!Pivottabel5</c:name>
    <c:fmtId val="3"/>
  </c:pivotSource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ivotFmts>
      <c:pivotFmt>
        <c:idx val="0"/>
        <c:spPr>
          <a:solidFill>
            <a:schemeClr val="accent1"/>
          </a:solidFill>
          <a:ln w="28575" cap="rnd">
            <a:solidFill>
              <a:schemeClr val="accent1"/>
            </a:solidFill>
            <a:round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 w="28575" cap="rnd">
            <a:solidFill>
              <a:schemeClr val="accent1"/>
            </a:solidFill>
            <a:round/>
          </a:ln>
          <a:effectLst/>
        </c:spPr>
        <c:marker>
          <c:symbol val="none"/>
        </c:marker>
      </c:pivotFmt>
      <c:pivotFmt>
        <c:idx val="2"/>
        <c:spPr>
          <a:solidFill>
            <a:schemeClr val="accent1"/>
          </a:solidFill>
          <a:ln w="28575" cap="rnd">
            <a:solidFill>
              <a:schemeClr val="accent1"/>
            </a:solidFill>
            <a:round/>
          </a:ln>
          <a:effectLst/>
        </c:spPr>
        <c:marker>
          <c:symbol val="none"/>
        </c:marker>
      </c:pivotFmt>
    </c:pivotFmts>
    <c:plotArea>
      <c:layout/>
      <c:lineChart>
        <c:grouping val="standard"/>
        <c:varyColors val="0"/>
        <c:ser>
          <c:idx val="0"/>
          <c:order val="0"/>
          <c:tx>
            <c:strRef>
              <c:f>Pivotdiagram!$B$3</c:f>
              <c:strCache>
                <c:ptCount val="1"/>
                <c:pt idx="0">
                  <c:v>Total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multiLvlStrRef>
              <c:f>Pivotdiagram!$A$4:$A$26</c:f>
              <c:multiLvlStrCache>
                <c:ptCount val="20"/>
                <c:lvl>
                  <c:pt idx="0">
                    <c:v>Maj</c:v>
                  </c:pt>
                  <c:pt idx="1">
                    <c:v>Juni</c:v>
                  </c:pt>
                  <c:pt idx="2">
                    <c:v>Juli</c:v>
                  </c:pt>
                  <c:pt idx="3">
                    <c:v>August</c:v>
                  </c:pt>
                  <c:pt idx="4">
                    <c:v>September</c:v>
                  </c:pt>
                  <c:pt idx="5">
                    <c:v>Oktober</c:v>
                  </c:pt>
                  <c:pt idx="6">
                    <c:v>November</c:v>
                  </c:pt>
                  <c:pt idx="7">
                    <c:v>December</c:v>
                  </c:pt>
                  <c:pt idx="8">
                    <c:v>Januar</c:v>
                  </c:pt>
                  <c:pt idx="9">
                    <c:v>Februar</c:v>
                  </c:pt>
                  <c:pt idx="10">
                    <c:v>Marts</c:v>
                  </c:pt>
                  <c:pt idx="11">
                    <c:v>April</c:v>
                  </c:pt>
                  <c:pt idx="12">
                    <c:v>Maj</c:v>
                  </c:pt>
                  <c:pt idx="13">
                    <c:v>Juni</c:v>
                  </c:pt>
                  <c:pt idx="14">
                    <c:v>Juli</c:v>
                  </c:pt>
                  <c:pt idx="15">
                    <c:v>August</c:v>
                  </c:pt>
                  <c:pt idx="16">
                    <c:v>September</c:v>
                  </c:pt>
                  <c:pt idx="17">
                    <c:v>Oktober</c:v>
                  </c:pt>
                  <c:pt idx="18">
                    <c:v>November</c:v>
                  </c:pt>
                  <c:pt idx="19">
                    <c:v>December</c:v>
                  </c:pt>
                </c:lvl>
                <c:lvl>
                  <c:pt idx="0">
                    <c:v>2019</c:v>
                  </c:pt>
                  <c:pt idx="8">
                    <c:v>2020</c:v>
                  </c:pt>
                </c:lvl>
              </c:multiLvlStrCache>
            </c:multiLvlStrRef>
          </c:cat>
          <c:val>
            <c:numRef>
              <c:f>Pivotdiagram!$B$4:$B$26</c:f>
              <c:numCache>
                <c:formatCode>General</c:formatCode>
                <c:ptCount val="20"/>
                <c:pt idx="0">
                  <c:v>248</c:v>
                </c:pt>
                <c:pt idx="1">
                  <c:v>518</c:v>
                </c:pt>
                <c:pt idx="2">
                  <c:v>88</c:v>
                </c:pt>
                <c:pt idx="3">
                  <c:v>213</c:v>
                </c:pt>
                <c:pt idx="4">
                  <c:v>562</c:v>
                </c:pt>
                <c:pt idx="5">
                  <c:v>532</c:v>
                </c:pt>
                <c:pt idx="6">
                  <c:v>542</c:v>
                </c:pt>
                <c:pt idx="7">
                  <c:v>432</c:v>
                </c:pt>
                <c:pt idx="8">
                  <c:v>2417</c:v>
                </c:pt>
                <c:pt idx="9">
                  <c:v>237</c:v>
                </c:pt>
                <c:pt idx="10">
                  <c:v>349</c:v>
                </c:pt>
                <c:pt idx="11">
                  <c:v>161</c:v>
                </c:pt>
                <c:pt idx="12">
                  <c:v>356</c:v>
                </c:pt>
                <c:pt idx="13">
                  <c:v>956</c:v>
                </c:pt>
                <c:pt idx="14">
                  <c:v>346</c:v>
                </c:pt>
                <c:pt idx="15">
                  <c:v>246</c:v>
                </c:pt>
                <c:pt idx="16">
                  <c:v>2246</c:v>
                </c:pt>
                <c:pt idx="17">
                  <c:v>184</c:v>
                </c:pt>
                <c:pt idx="18">
                  <c:v>34</c:v>
                </c:pt>
                <c:pt idx="19">
                  <c:v>34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1F16-48BD-8233-C359A857DEA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716705472"/>
        <c:axId val="716703504"/>
      </c:lineChart>
      <c:catAx>
        <c:axId val="71670547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16703504"/>
        <c:crosses val="autoZero"/>
        <c:auto val="1"/>
        <c:lblAlgn val="ctr"/>
        <c:lblOffset val="100"/>
        <c:noMultiLvlLbl val="0"/>
      </c:catAx>
      <c:valAx>
        <c:axId val="71670350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167054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  <c:extLst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eries val="1"/>
        <c14:dropZonesVisible val="1"/>
      </c14:pivotOptions>
    </c:ext>
    <c:ext xmlns:c16="http://schemas.microsoft.com/office/drawing/2014/chart" uri="{E28EC0CA-F0BB-4C9C-879D-F8772B89E7AC}">
      <c16:pivotOptions16>
        <c16:showExpandCollapseFieldButtons val="1"/>
      </c16:pivotOptions16>
    </c:ext>
  </c:extLst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 custT="1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sz="2400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 sz="2400"/>
        </a:p>
      </dgm:t>
    </dgm:pt>
    <dgm:pt modelId="{A9C4BCCA-824B-4462-A615-A8FFB85BDD53}" type="sibTrans" cxnId="{1666AB36-1FEA-402C-BA11-C2E4508B3012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F291F93C-57B6-4F54-A91C-ABBAB652C468}">
      <dgm:prSet phldrT="[Tekst]" custT="1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sz="2400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 sz="2400"/>
        </a:p>
      </dgm:t>
    </dgm:pt>
    <dgm:pt modelId="{24C6F5CE-4D31-4949-B0D5-065978E99498}" type="sibTrans" cxnId="{E58A782D-F4AF-471B-BEA9-8D5DC121759C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193D2B89-FD5F-44EA-9634-8AE6756B1F88}">
      <dgm:prSet phldrT="[Tekst]" custT="1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sz="2400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 sz="2400"/>
        </a:p>
      </dgm:t>
    </dgm:pt>
    <dgm:pt modelId="{E4D2B88E-726D-44EA-82A2-5627A6F1C7E6}" type="sibTrans" cxnId="{FE17AC80-EEDF-4D58-8FD9-58854DAF350F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23A9C345-8F4B-4ECA-9151-680C2A1FBF55}">
      <dgm:prSet phldrT="[Tekst]" custT="1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sz="2400" b="1" dirty="0" err="1"/>
            <a:t>Pre</a:t>
          </a:r>
          <a:r>
            <a:rPr lang="da-DK" sz="2400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 sz="2400"/>
        </a:p>
      </dgm:t>
    </dgm:pt>
    <dgm:pt modelId="{5F878272-8BC1-4AAB-8E47-06C5F1BEA739}" type="sibTrans" cxnId="{3CA833AF-A4EE-46CA-BDF7-317350A2C008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58F4F745-BC26-43A9-A9E1-FD139549BD03}">
      <dgm:prSet phldrT="[Tekst]" custT="1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sz="2400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 sz="2400"/>
        </a:p>
      </dgm:t>
    </dgm:pt>
    <dgm:pt modelId="{1FEB8630-BE38-4D11-B716-7FF91D77A642}" type="sibTrans" cxnId="{8BEEDFD8-D42E-4EAD-A97F-2EBD1BB11A2C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F6CE63AB-5CB7-467A-9788-C908720B8D9F}">
      <dgm:prSet phldrT="[Tekst]" custT="1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sz="2400" b="1" dirty="0" err="1">
              <a:solidFill>
                <a:schemeClr val="accent2"/>
              </a:solidFill>
            </a:rPr>
            <a:t>Hypercare</a:t>
          </a:r>
          <a:endParaRPr lang="da-DK" sz="2400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 sz="2400"/>
        </a:p>
      </dgm:t>
    </dgm:pt>
    <dgm:pt modelId="{16D7FCAD-03EA-4650-987D-76D692AAD66B}" type="sibTrans" cxnId="{F4803924-C346-4E5B-BBD3-3FC458E597B5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3142B9BB-5E72-44E3-BD8F-4AE4BA339AB1}">
      <dgm:prSet custT="1"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sz="2400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 sz="2400"/>
        </a:p>
      </dgm:t>
    </dgm:pt>
    <dgm:pt modelId="{AB684623-11D9-403F-8367-D48D46D6EEF2}" type="sibTrans" cxnId="{250100FC-2412-41D6-9649-47537872F0A5}">
      <dgm:prSet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 sz="2400"/>
        </a:p>
      </dgm:t>
    </dgm:pt>
    <dgm:pt modelId="{581A2DB6-4881-4DC4-B5A4-25E9C12680A6}">
      <dgm:prSet custT="1"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sz="2400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 sz="2400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 sz="2400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X="125060" custScaleY="89375" custLinFactNeighborX="-35390" custLinFactNeighborY="-159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5560" custLinFactNeighborY="-914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ScaleX="120059" custScaleY="80013" custLinFactNeighborX="-7943" custLinFactNeighborY="5699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ScaleX="133710" custScaleY="93424" custLinFactNeighborX="10658" custLinFactNeighborY="872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ScaleX="123644" custScaleY="114274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 custScaleX="106103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ScaleX="129814" custScaleY="101283" custLinFactNeighborX="-11139" custLinFactNeighborY="-26828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 custLinFactNeighborX="-24125" custLinFactNeighborY="311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ScaleX="130368" custLinFactNeighborX="-19808" custLinFactNeighborY="-25124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 custScaleX="138864" custScaleY="108898" custLinFactNeighborX="8089" custLinFactNeighborY="-7162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ScaleX="125984" custLinFactNeighborX="-17140" custLinFactNeighborY="-42862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ScaleX="87553" custLinFactNeighborX="1231" custLinFactNeighborY="-2074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ScaleX="126142" custLinFactNeighborX="-3027" custLinFactNeighborY="-49075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85389694-7B77-45EF-A025-B647D3D13366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6D4799A4-B19A-442F-ADC7-00F7A5844057}">
      <dgm:prSet phldrT="[Tekst]"/>
      <dgm:spPr>
        <a:solidFill>
          <a:schemeClr val="accent3">
            <a:lumMod val="20000"/>
            <a:lumOff val="8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AS-IS</a:t>
          </a:r>
        </a:p>
      </dgm:t>
    </dgm:pt>
    <dgm:pt modelId="{0AE57238-6B2A-42FC-ABAA-0DC398F4BCE2}" type="parTrans" cxnId="{1666AB36-1FEA-402C-BA11-C2E4508B3012}">
      <dgm:prSet/>
      <dgm:spPr/>
      <dgm:t>
        <a:bodyPr/>
        <a:lstStyle/>
        <a:p>
          <a:endParaRPr lang="da-DK"/>
        </a:p>
      </dgm:t>
    </dgm:pt>
    <dgm:pt modelId="{A9C4BCCA-824B-4462-A615-A8FFB85BDD53}" type="sibTrans" cxnId="{1666AB36-1FEA-402C-BA11-C2E4508B3012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291F93C-57B6-4F54-A91C-ABBAB652C468}">
      <dgm:prSet phldrT="[Tekst]"/>
      <dgm:spPr>
        <a:solidFill>
          <a:schemeClr val="accent3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TO-BE</a:t>
          </a:r>
        </a:p>
      </dgm:t>
    </dgm:pt>
    <dgm:pt modelId="{C071B7DA-1CD8-45F8-96A0-C680F186D51C}" type="parTrans" cxnId="{E58A782D-F4AF-471B-BEA9-8D5DC121759C}">
      <dgm:prSet/>
      <dgm:spPr/>
      <dgm:t>
        <a:bodyPr/>
        <a:lstStyle/>
        <a:p>
          <a:endParaRPr lang="da-DK"/>
        </a:p>
      </dgm:t>
    </dgm:pt>
    <dgm:pt modelId="{24C6F5CE-4D31-4949-B0D5-065978E99498}" type="sibTrans" cxnId="{E58A782D-F4AF-471B-BEA9-8D5DC121759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193D2B89-FD5F-44EA-9634-8AE6756B1F88}">
      <dgm:prSet phldrT="[Tekst]"/>
      <dgm:spPr>
        <a:solidFill>
          <a:schemeClr val="accent3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GAP-analyse</a:t>
          </a:r>
        </a:p>
      </dgm:t>
    </dgm:pt>
    <dgm:pt modelId="{240297F9-79AF-4647-85F7-20AAEC64063C}" type="parTrans" cxnId="{FE17AC80-EEDF-4D58-8FD9-58854DAF350F}">
      <dgm:prSet/>
      <dgm:spPr/>
      <dgm:t>
        <a:bodyPr/>
        <a:lstStyle/>
        <a:p>
          <a:endParaRPr lang="da-DK"/>
        </a:p>
      </dgm:t>
    </dgm:pt>
    <dgm:pt modelId="{E4D2B88E-726D-44EA-82A2-5627A6F1C7E6}" type="sibTrans" cxnId="{FE17AC80-EEDF-4D58-8FD9-58854DAF350F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23A9C345-8F4B-4ECA-9151-680C2A1FBF55}">
      <dgm:prSet phldrT="[Tekst]"/>
      <dgm:spPr>
        <a:solidFill>
          <a:schemeClr val="accent3">
            <a:lumMod val="75000"/>
          </a:schemeClr>
        </a:solidFill>
      </dgm:spPr>
      <dgm:t>
        <a:bodyPr/>
        <a:lstStyle/>
        <a:p>
          <a:r>
            <a:rPr lang="da-DK" b="1" dirty="0" err="1"/>
            <a:t>Pre</a:t>
          </a:r>
          <a:r>
            <a:rPr lang="da-DK" b="1" dirty="0"/>
            <a:t>-etablering</a:t>
          </a:r>
        </a:p>
      </dgm:t>
    </dgm:pt>
    <dgm:pt modelId="{1D5737C5-078F-4D15-8EB8-A6C1E416EC88}" type="parTrans" cxnId="{3CA833AF-A4EE-46CA-BDF7-317350A2C008}">
      <dgm:prSet/>
      <dgm:spPr/>
      <dgm:t>
        <a:bodyPr/>
        <a:lstStyle/>
        <a:p>
          <a:endParaRPr lang="da-DK"/>
        </a:p>
      </dgm:t>
    </dgm:pt>
    <dgm:pt modelId="{5F878272-8BC1-4AAB-8E47-06C5F1BEA739}" type="sibTrans" cxnId="{3CA833AF-A4EE-46CA-BDF7-317350A2C008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F4F745-BC26-43A9-A9E1-FD139549BD03}">
      <dgm:prSet phldrT="[Tekst]"/>
      <dgm:spPr>
        <a:solidFill>
          <a:schemeClr val="accent3">
            <a:lumMod val="50000"/>
          </a:schemeClr>
        </a:solidFill>
      </dgm:spPr>
      <dgm:t>
        <a:bodyPr/>
        <a:lstStyle/>
        <a:p>
          <a:r>
            <a:rPr lang="da-DK" b="1" dirty="0"/>
            <a:t>Flytteperioden</a:t>
          </a:r>
        </a:p>
      </dgm:t>
    </dgm:pt>
    <dgm:pt modelId="{DB123CC1-6625-425B-B76E-25F1EAD050FB}" type="parTrans" cxnId="{8BEEDFD8-D42E-4EAD-A97F-2EBD1BB11A2C}">
      <dgm:prSet/>
      <dgm:spPr/>
      <dgm:t>
        <a:bodyPr/>
        <a:lstStyle/>
        <a:p>
          <a:endParaRPr lang="da-DK"/>
        </a:p>
      </dgm:t>
    </dgm:pt>
    <dgm:pt modelId="{1FEB8630-BE38-4D11-B716-7FF91D77A642}" type="sibTrans" cxnId="{8BEEDFD8-D42E-4EAD-A97F-2EBD1BB11A2C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F6CE63AB-5CB7-467A-9788-C908720B8D9F}">
      <dgm:prSet phldrT="[Tekst]"/>
      <dgm:spPr>
        <a:solidFill>
          <a:schemeClr val="accent5">
            <a:lumMod val="20000"/>
            <a:lumOff val="80000"/>
          </a:schemeClr>
        </a:solidFill>
      </dgm:spPr>
      <dgm:t>
        <a:bodyPr/>
        <a:lstStyle/>
        <a:p>
          <a:r>
            <a:rPr lang="da-DK" b="1" dirty="0" err="1">
              <a:solidFill>
                <a:schemeClr val="accent2"/>
              </a:solidFill>
            </a:rPr>
            <a:t>Hypercare</a:t>
          </a:r>
          <a:endParaRPr lang="da-DK" b="1" dirty="0">
            <a:solidFill>
              <a:schemeClr val="accent2"/>
            </a:solidFill>
          </a:endParaRPr>
        </a:p>
      </dgm:t>
    </dgm:pt>
    <dgm:pt modelId="{9BFFAB0F-508D-44A0-8C46-A851D8953766}" type="parTrans" cxnId="{F4803924-C346-4E5B-BBD3-3FC458E597B5}">
      <dgm:prSet/>
      <dgm:spPr/>
      <dgm:t>
        <a:bodyPr/>
        <a:lstStyle/>
        <a:p>
          <a:endParaRPr lang="da-DK"/>
        </a:p>
      </dgm:t>
    </dgm:pt>
    <dgm:pt modelId="{16D7FCAD-03EA-4650-987D-76D692AAD66B}" type="sibTrans" cxnId="{F4803924-C346-4E5B-BBD3-3FC458E597B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3142B9BB-5E72-44E3-BD8F-4AE4BA339AB1}">
      <dgm:prSet/>
      <dgm:spPr>
        <a:solidFill>
          <a:schemeClr val="accent5">
            <a:lumMod val="40000"/>
            <a:lumOff val="60000"/>
          </a:schemeClr>
        </a:solidFill>
      </dgm:spPr>
      <dgm:t>
        <a:bodyPr/>
        <a:lstStyle/>
        <a:p>
          <a:r>
            <a:rPr lang="da-DK" b="1" dirty="0">
              <a:solidFill>
                <a:schemeClr val="accent2"/>
              </a:solidFill>
            </a:rPr>
            <a:t>Fraflytning</a:t>
          </a:r>
        </a:p>
      </dgm:t>
    </dgm:pt>
    <dgm:pt modelId="{0C5D992E-4218-4A8F-B20F-3F8A02BE3C3C}" type="parTrans" cxnId="{250100FC-2412-41D6-9649-47537872F0A5}">
      <dgm:prSet/>
      <dgm:spPr/>
      <dgm:t>
        <a:bodyPr/>
        <a:lstStyle/>
        <a:p>
          <a:endParaRPr lang="da-DK"/>
        </a:p>
      </dgm:t>
    </dgm:pt>
    <dgm:pt modelId="{AB684623-11D9-403F-8367-D48D46D6EEF2}" type="sibTrans" cxnId="{250100FC-2412-41D6-9649-47537872F0A5}">
      <dgm:prSet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endParaRPr lang="da-DK"/>
        </a:p>
      </dgm:t>
    </dgm:pt>
    <dgm:pt modelId="{581A2DB6-4881-4DC4-B5A4-25E9C12680A6}">
      <dgm:prSet/>
      <dgm:spPr>
        <a:solidFill>
          <a:schemeClr val="accent5">
            <a:lumMod val="60000"/>
            <a:lumOff val="40000"/>
          </a:schemeClr>
        </a:solidFill>
      </dgm:spPr>
      <dgm:t>
        <a:bodyPr/>
        <a:lstStyle/>
        <a:p>
          <a:r>
            <a:rPr lang="da-DK" b="1" dirty="0">
              <a:solidFill>
                <a:schemeClr val="bg1"/>
              </a:solidFill>
            </a:rPr>
            <a:t>Evaluering</a:t>
          </a:r>
        </a:p>
      </dgm:t>
    </dgm:pt>
    <dgm:pt modelId="{434006AF-E71A-476E-AE08-E2A76DE1EA46}" type="parTrans" cxnId="{6D3FD506-F718-456B-90D7-314CD102E9BC}">
      <dgm:prSet/>
      <dgm:spPr/>
      <dgm:t>
        <a:bodyPr/>
        <a:lstStyle/>
        <a:p>
          <a:endParaRPr lang="da-DK"/>
        </a:p>
      </dgm:t>
    </dgm:pt>
    <dgm:pt modelId="{C455784B-4179-4114-913C-5175E49688E9}" type="sibTrans" cxnId="{6D3FD506-F718-456B-90D7-314CD102E9BC}">
      <dgm:prSet/>
      <dgm:spPr/>
      <dgm:t>
        <a:bodyPr/>
        <a:lstStyle/>
        <a:p>
          <a:endParaRPr lang="da-DK"/>
        </a:p>
      </dgm:t>
    </dgm:pt>
    <dgm:pt modelId="{BD93342C-8467-4656-9E15-6DA7A2F16BC5}" type="pres">
      <dgm:prSet presAssocID="{85389694-7B77-45EF-A025-B647D3D13366}" presName="diagram" presStyleCnt="0">
        <dgm:presLayoutVars>
          <dgm:dir/>
          <dgm:resizeHandles val="exact"/>
        </dgm:presLayoutVars>
      </dgm:prSet>
      <dgm:spPr/>
    </dgm:pt>
    <dgm:pt modelId="{483BD7E1-860F-4E43-A4E4-5359F36F9DA3}" type="pres">
      <dgm:prSet presAssocID="{6D4799A4-B19A-442F-ADC7-00F7A5844057}" presName="node" presStyleLbl="node1" presStyleIdx="0" presStyleCnt="8" custScaleY="102828" custLinFactNeighborX="3158" custLinFactNeighborY="-34924">
        <dgm:presLayoutVars>
          <dgm:bulletEnabled val="1"/>
        </dgm:presLayoutVars>
      </dgm:prSet>
      <dgm:spPr/>
    </dgm:pt>
    <dgm:pt modelId="{BADA31A4-9D4E-4FF2-AC87-99C8043FAD8F}" type="pres">
      <dgm:prSet presAssocID="{A9C4BCCA-824B-4462-A615-A8FFB85BDD53}" presName="sibTrans" presStyleLbl="sibTrans2D1" presStyleIdx="0" presStyleCnt="7" custLinFactNeighborX="14727" custLinFactNeighborY="-2025"/>
      <dgm:spPr/>
    </dgm:pt>
    <dgm:pt modelId="{DEAC4A17-CF3F-4F69-AD45-4BC81ED47151}" type="pres">
      <dgm:prSet presAssocID="{A9C4BCCA-824B-4462-A615-A8FFB85BDD53}" presName="connectorText" presStyleLbl="sibTrans2D1" presStyleIdx="0" presStyleCnt="7"/>
      <dgm:spPr/>
    </dgm:pt>
    <dgm:pt modelId="{4D10286E-B83D-4DD9-A0AE-7CF0F4B52D5F}" type="pres">
      <dgm:prSet presAssocID="{F291F93C-57B6-4F54-A91C-ABBAB652C468}" presName="node" presStyleLbl="node1" presStyleIdx="1" presStyleCnt="8" custLinFactNeighborX="6610" custLinFactNeighborY="-3713">
        <dgm:presLayoutVars>
          <dgm:bulletEnabled val="1"/>
        </dgm:presLayoutVars>
      </dgm:prSet>
      <dgm:spPr/>
    </dgm:pt>
    <dgm:pt modelId="{D9219A7C-ADF5-4FEF-90BA-8AD7B10AE31D}" type="pres">
      <dgm:prSet presAssocID="{24C6F5CE-4D31-4949-B0D5-065978E99498}" presName="sibTrans" presStyleLbl="sibTrans2D1" presStyleIdx="1" presStyleCnt="7"/>
      <dgm:spPr/>
    </dgm:pt>
    <dgm:pt modelId="{E484F91B-AA47-47D7-9910-A9E8837369BE}" type="pres">
      <dgm:prSet presAssocID="{24C6F5CE-4D31-4949-B0D5-065978E99498}" presName="connectorText" presStyleLbl="sibTrans2D1" presStyleIdx="1" presStyleCnt="7"/>
      <dgm:spPr/>
    </dgm:pt>
    <dgm:pt modelId="{A625096A-53C8-4D07-8813-82C07EC141C8}" type="pres">
      <dgm:prSet presAssocID="{193D2B89-FD5F-44EA-9634-8AE6756B1F88}" presName="node" presStyleLbl="node1" presStyleIdx="2" presStyleCnt="8" custLinFactNeighborX="2548" custLinFactNeighborY="-42159">
        <dgm:presLayoutVars>
          <dgm:bulletEnabled val="1"/>
        </dgm:presLayoutVars>
      </dgm:prSet>
      <dgm:spPr/>
    </dgm:pt>
    <dgm:pt modelId="{6BDFBF1B-A696-4B8A-A6BC-F7F351D08DC2}" type="pres">
      <dgm:prSet presAssocID="{E4D2B88E-726D-44EA-82A2-5627A6F1C7E6}" presName="sibTrans" presStyleLbl="sibTrans2D1" presStyleIdx="2" presStyleCnt="7" custScaleX="174033" custLinFactNeighborX="-27092" custLinFactNeighborY="4523"/>
      <dgm:spPr/>
    </dgm:pt>
    <dgm:pt modelId="{E1F9A829-46A4-4990-BD52-24C6332BE847}" type="pres">
      <dgm:prSet presAssocID="{E4D2B88E-726D-44EA-82A2-5627A6F1C7E6}" presName="connectorText" presStyleLbl="sibTrans2D1" presStyleIdx="2" presStyleCnt="7"/>
      <dgm:spPr/>
    </dgm:pt>
    <dgm:pt modelId="{3A0A3422-7551-4DD1-A565-D2E0C9C6624A}" type="pres">
      <dgm:prSet presAssocID="{23A9C345-8F4B-4ECA-9151-680C2A1FBF55}" presName="node" presStyleLbl="node1" presStyleIdx="3" presStyleCnt="8" custLinFactNeighborX="7421" custLinFactNeighborY="-27072">
        <dgm:presLayoutVars>
          <dgm:bulletEnabled val="1"/>
        </dgm:presLayoutVars>
      </dgm:prSet>
      <dgm:spPr/>
    </dgm:pt>
    <dgm:pt modelId="{221B57D1-E2E0-440B-B9DA-EF148EADA33E}" type="pres">
      <dgm:prSet presAssocID="{5F878272-8BC1-4AAB-8E47-06C5F1BEA739}" presName="sibTrans" presStyleLbl="sibTrans2D1" presStyleIdx="3" presStyleCnt="7"/>
      <dgm:spPr/>
    </dgm:pt>
    <dgm:pt modelId="{264F62DB-126B-4B32-A634-4CF69F30E8DB}" type="pres">
      <dgm:prSet presAssocID="{5F878272-8BC1-4AAB-8E47-06C5F1BEA739}" presName="connectorText" presStyleLbl="sibTrans2D1" presStyleIdx="3" presStyleCnt="7"/>
      <dgm:spPr/>
    </dgm:pt>
    <dgm:pt modelId="{450B4A76-202F-4985-BC5F-ED6426BA76A0}" type="pres">
      <dgm:prSet presAssocID="{58F4F745-BC26-43A9-A9E1-FD139549BD03}" presName="node" presStyleLbl="node1" presStyleIdx="4" presStyleCnt="8" custLinFactNeighborX="7251" custLinFactNeighborY="-27072">
        <dgm:presLayoutVars>
          <dgm:bulletEnabled val="1"/>
        </dgm:presLayoutVars>
      </dgm:prSet>
      <dgm:spPr/>
    </dgm:pt>
    <dgm:pt modelId="{5C4F56C2-B383-4DA7-AAD6-2ADB9D3999E3}" type="pres">
      <dgm:prSet presAssocID="{1FEB8630-BE38-4D11-B716-7FF91D77A642}" presName="sibTrans" presStyleLbl="sibTrans2D1" presStyleIdx="4" presStyleCnt="7"/>
      <dgm:spPr/>
    </dgm:pt>
    <dgm:pt modelId="{9A2CEB8B-9EBC-4D34-856F-379E6825BB98}" type="pres">
      <dgm:prSet presAssocID="{1FEB8630-BE38-4D11-B716-7FF91D77A642}" presName="connectorText" presStyleLbl="sibTrans2D1" presStyleIdx="4" presStyleCnt="7"/>
      <dgm:spPr/>
    </dgm:pt>
    <dgm:pt modelId="{4890CDF8-FA62-4E94-ACC7-986CB26E7888}" type="pres">
      <dgm:prSet presAssocID="{F6CE63AB-5CB7-467A-9788-C908720B8D9F}" presName="node" presStyleLbl="node1" presStyleIdx="5" presStyleCnt="8" custLinFactNeighborX="4756" custLinFactNeighborY="-27072">
        <dgm:presLayoutVars>
          <dgm:bulletEnabled val="1"/>
        </dgm:presLayoutVars>
      </dgm:prSet>
      <dgm:spPr/>
    </dgm:pt>
    <dgm:pt modelId="{F880740B-5B95-4AD8-B9CB-3C4973A16A1D}" type="pres">
      <dgm:prSet presAssocID="{16D7FCAD-03EA-4650-987D-76D692AAD66B}" presName="sibTrans" presStyleLbl="sibTrans2D1" presStyleIdx="5" presStyleCnt="7"/>
      <dgm:spPr/>
    </dgm:pt>
    <dgm:pt modelId="{6AF2530B-726D-46F4-BA58-04856CB3D808}" type="pres">
      <dgm:prSet presAssocID="{16D7FCAD-03EA-4650-987D-76D692AAD66B}" presName="connectorText" presStyleLbl="sibTrans2D1" presStyleIdx="5" presStyleCnt="7"/>
      <dgm:spPr/>
    </dgm:pt>
    <dgm:pt modelId="{AB5E88E4-D8D2-450B-8F00-E8039C6DF2EB}" type="pres">
      <dgm:prSet presAssocID="{3142B9BB-5E72-44E3-BD8F-4AE4BA339AB1}" presName="node" presStyleLbl="node1" presStyleIdx="6" presStyleCnt="8" custLinFactNeighborX="2548" custLinFactNeighborY="-42159">
        <dgm:presLayoutVars>
          <dgm:bulletEnabled val="1"/>
        </dgm:presLayoutVars>
      </dgm:prSet>
      <dgm:spPr/>
    </dgm:pt>
    <dgm:pt modelId="{C53328CF-D00C-4CF7-9E69-AF34BB58196B}" type="pres">
      <dgm:prSet presAssocID="{AB684623-11D9-403F-8367-D48D46D6EEF2}" presName="sibTrans" presStyleLbl="sibTrans2D1" presStyleIdx="6" presStyleCnt="7" custLinFactNeighborX="10328" custLinFactNeighborY="-21719"/>
      <dgm:spPr/>
    </dgm:pt>
    <dgm:pt modelId="{EC07B680-9127-44E1-A826-BE34FE4A6757}" type="pres">
      <dgm:prSet presAssocID="{AB684623-11D9-403F-8367-D48D46D6EEF2}" presName="connectorText" presStyleLbl="sibTrans2D1" presStyleIdx="6" presStyleCnt="7"/>
      <dgm:spPr/>
    </dgm:pt>
    <dgm:pt modelId="{3A61BE6E-3990-484A-8145-B619E7A4F435}" type="pres">
      <dgm:prSet presAssocID="{581A2DB6-4881-4DC4-B5A4-25E9C12680A6}" presName="node" presStyleLbl="node1" presStyleIdx="7" presStyleCnt="8" custLinFactNeighborX="2548" custLinFactNeighborY="-42159">
        <dgm:presLayoutVars>
          <dgm:bulletEnabled val="1"/>
        </dgm:presLayoutVars>
      </dgm:prSet>
      <dgm:spPr/>
    </dgm:pt>
  </dgm:ptLst>
  <dgm:cxnLst>
    <dgm:cxn modelId="{A2FB1106-F0B1-45CD-8012-FB4B5CA8BFF7}" type="presOf" srcId="{24C6F5CE-4D31-4949-B0D5-065978E99498}" destId="{E484F91B-AA47-47D7-9910-A9E8837369BE}" srcOrd="1" destOrd="0" presId="urn:microsoft.com/office/officeart/2005/8/layout/process5"/>
    <dgm:cxn modelId="{6D3FD506-F718-456B-90D7-314CD102E9BC}" srcId="{85389694-7B77-45EF-A025-B647D3D13366}" destId="{581A2DB6-4881-4DC4-B5A4-25E9C12680A6}" srcOrd="7" destOrd="0" parTransId="{434006AF-E71A-476E-AE08-E2A76DE1EA46}" sibTransId="{C455784B-4179-4114-913C-5175E49688E9}"/>
    <dgm:cxn modelId="{F62D2213-DF0B-4C8C-A533-2E4264F4AE72}" type="presOf" srcId="{E4D2B88E-726D-44EA-82A2-5627A6F1C7E6}" destId="{6BDFBF1B-A696-4B8A-A6BC-F7F351D08DC2}" srcOrd="0" destOrd="0" presId="urn:microsoft.com/office/officeart/2005/8/layout/process5"/>
    <dgm:cxn modelId="{C2ADBB23-E865-4FC6-8B3B-B6BF84819343}" type="presOf" srcId="{16D7FCAD-03EA-4650-987D-76D692AAD66B}" destId="{6AF2530B-726D-46F4-BA58-04856CB3D808}" srcOrd="1" destOrd="0" presId="urn:microsoft.com/office/officeart/2005/8/layout/process5"/>
    <dgm:cxn modelId="{F4803924-C346-4E5B-BBD3-3FC458E597B5}" srcId="{85389694-7B77-45EF-A025-B647D3D13366}" destId="{F6CE63AB-5CB7-467A-9788-C908720B8D9F}" srcOrd="5" destOrd="0" parTransId="{9BFFAB0F-508D-44A0-8C46-A851D8953766}" sibTransId="{16D7FCAD-03EA-4650-987D-76D692AAD66B}"/>
    <dgm:cxn modelId="{67643127-92F4-4665-8235-59169D92AB78}" type="presOf" srcId="{58F4F745-BC26-43A9-A9E1-FD139549BD03}" destId="{450B4A76-202F-4985-BC5F-ED6426BA76A0}" srcOrd="0" destOrd="0" presId="urn:microsoft.com/office/officeart/2005/8/layout/process5"/>
    <dgm:cxn modelId="{E58A782D-F4AF-471B-BEA9-8D5DC121759C}" srcId="{85389694-7B77-45EF-A025-B647D3D13366}" destId="{F291F93C-57B6-4F54-A91C-ABBAB652C468}" srcOrd="1" destOrd="0" parTransId="{C071B7DA-1CD8-45F8-96A0-C680F186D51C}" sibTransId="{24C6F5CE-4D31-4949-B0D5-065978E99498}"/>
    <dgm:cxn modelId="{4F4B4F36-1C2B-4E36-87EE-7BC74F0A047B}" type="presOf" srcId="{24C6F5CE-4D31-4949-B0D5-065978E99498}" destId="{D9219A7C-ADF5-4FEF-90BA-8AD7B10AE31D}" srcOrd="0" destOrd="0" presId="urn:microsoft.com/office/officeart/2005/8/layout/process5"/>
    <dgm:cxn modelId="{1666AB36-1FEA-402C-BA11-C2E4508B3012}" srcId="{85389694-7B77-45EF-A025-B647D3D13366}" destId="{6D4799A4-B19A-442F-ADC7-00F7A5844057}" srcOrd="0" destOrd="0" parTransId="{0AE57238-6B2A-42FC-ABAA-0DC398F4BCE2}" sibTransId="{A9C4BCCA-824B-4462-A615-A8FFB85BDD53}"/>
    <dgm:cxn modelId="{73C5883A-25CD-4789-AC4A-59C509DFF952}" type="presOf" srcId="{E4D2B88E-726D-44EA-82A2-5627A6F1C7E6}" destId="{E1F9A829-46A4-4990-BD52-24C6332BE847}" srcOrd="1" destOrd="0" presId="urn:microsoft.com/office/officeart/2005/8/layout/process5"/>
    <dgm:cxn modelId="{C30C116C-F027-4B40-9762-5EA434C6B790}" type="presOf" srcId="{AB684623-11D9-403F-8367-D48D46D6EEF2}" destId="{EC07B680-9127-44E1-A826-BE34FE4A6757}" srcOrd="1" destOrd="0" presId="urn:microsoft.com/office/officeart/2005/8/layout/process5"/>
    <dgm:cxn modelId="{E7B9B252-67B6-48CA-96AA-C560E7470214}" type="presOf" srcId="{5F878272-8BC1-4AAB-8E47-06C5F1BEA739}" destId="{264F62DB-126B-4B32-A634-4CF69F30E8DB}" srcOrd="1" destOrd="0" presId="urn:microsoft.com/office/officeart/2005/8/layout/process5"/>
    <dgm:cxn modelId="{65C03F79-FCBB-48D0-B242-C30660D037BA}" type="presOf" srcId="{23A9C345-8F4B-4ECA-9151-680C2A1FBF55}" destId="{3A0A3422-7551-4DD1-A565-D2E0C9C6624A}" srcOrd="0" destOrd="0" presId="urn:microsoft.com/office/officeart/2005/8/layout/process5"/>
    <dgm:cxn modelId="{FE17AC80-EEDF-4D58-8FD9-58854DAF350F}" srcId="{85389694-7B77-45EF-A025-B647D3D13366}" destId="{193D2B89-FD5F-44EA-9634-8AE6756B1F88}" srcOrd="2" destOrd="0" parTransId="{240297F9-79AF-4647-85F7-20AAEC64063C}" sibTransId="{E4D2B88E-726D-44EA-82A2-5627A6F1C7E6}"/>
    <dgm:cxn modelId="{5D096E93-C814-419D-8036-6F6879257D97}" type="presOf" srcId="{85389694-7B77-45EF-A025-B647D3D13366}" destId="{BD93342C-8467-4656-9E15-6DA7A2F16BC5}" srcOrd="0" destOrd="0" presId="urn:microsoft.com/office/officeart/2005/8/layout/process5"/>
    <dgm:cxn modelId="{08B05994-F485-4B29-ABEE-C61522B7BD6E}" type="presOf" srcId="{6D4799A4-B19A-442F-ADC7-00F7A5844057}" destId="{483BD7E1-860F-4E43-A4E4-5359F36F9DA3}" srcOrd="0" destOrd="0" presId="urn:microsoft.com/office/officeart/2005/8/layout/process5"/>
    <dgm:cxn modelId="{71557897-6456-4B77-AFA6-00573250BAF4}" type="presOf" srcId="{A9C4BCCA-824B-4462-A615-A8FFB85BDD53}" destId="{BADA31A4-9D4E-4FF2-AC87-99C8043FAD8F}" srcOrd="0" destOrd="0" presId="urn:microsoft.com/office/officeart/2005/8/layout/process5"/>
    <dgm:cxn modelId="{5945CC99-DDEA-4332-8991-8BD94E920E0A}" type="presOf" srcId="{193D2B89-FD5F-44EA-9634-8AE6756B1F88}" destId="{A625096A-53C8-4D07-8813-82C07EC141C8}" srcOrd="0" destOrd="0" presId="urn:microsoft.com/office/officeart/2005/8/layout/process5"/>
    <dgm:cxn modelId="{BB8B9FA0-2AE9-4B21-A996-4295BD6BDEDC}" type="presOf" srcId="{F6CE63AB-5CB7-467A-9788-C908720B8D9F}" destId="{4890CDF8-FA62-4E94-ACC7-986CB26E7888}" srcOrd="0" destOrd="0" presId="urn:microsoft.com/office/officeart/2005/8/layout/process5"/>
    <dgm:cxn modelId="{FB69C3A1-C0A8-49E2-8D9A-CB2AAE0A9C6E}" type="presOf" srcId="{5F878272-8BC1-4AAB-8E47-06C5F1BEA739}" destId="{221B57D1-E2E0-440B-B9DA-EF148EADA33E}" srcOrd="0" destOrd="0" presId="urn:microsoft.com/office/officeart/2005/8/layout/process5"/>
    <dgm:cxn modelId="{A8F49BA2-B69A-423B-ABCF-5EE26F986B05}" type="presOf" srcId="{16D7FCAD-03EA-4650-987D-76D692AAD66B}" destId="{F880740B-5B95-4AD8-B9CB-3C4973A16A1D}" srcOrd="0" destOrd="0" presId="urn:microsoft.com/office/officeart/2005/8/layout/process5"/>
    <dgm:cxn modelId="{86C108A8-321C-4E85-B705-F73B1EE2FB92}" type="presOf" srcId="{1FEB8630-BE38-4D11-B716-7FF91D77A642}" destId="{5C4F56C2-B383-4DA7-AAD6-2ADB9D3999E3}" srcOrd="0" destOrd="0" presId="urn:microsoft.com/office/officeart/2005/8/layout/process5"/>
    <dgm:cxn modelId="{F21A12AE-06D9-47B4-8651-6AA73137299B}" type="presOf" srcId="{1FEB8630-BE38-4D11-B716-7FF91D77A642}" destId="{9A2CEB8B-9EBC-4D34-856F-379E6825BB98}" srcOrd="1" destOrd="0" presId="urn:microsoft.com/office/officeart/2005/8/layout/process5"/>
    <dgm:cxn modelId="{3CA833AF-A4EE-46CA-BDF7-317350A2C008}" srcId="{85389694-7B77-45EF-A025-B647D3D13366}" destId="{23A9C345-8F4B-4ECA-9151-680C2A1FBF55}" srcOrd="3" destOrd="0" parTransId="{1D5737C5-078F-4D15-8EB8-A6C1E416EC88}" sibTransId="{5F878272-8BC1-4AAB-8E47-06C5F1BEA739}"/>
    <dgm:cxn modelId="{29F666C2-A5DB-4B65-AF84-57BFCED05E5B}" type="presOf" srcId="{581A2DB6-4881-4DC4-B5A4-25E9C12680A6}" destId="{3A61BE6E-3990-484A-8145-B619E7A4F435}" srcOrd="0" destOrd="0" presId="urn:microsoft.com/office/officeart/2005/8/layout/process5"/>
    <dgm:cxn modelId="{873025CC-A048-4923-B7AC-8B7C6B4BF1E3}" type="presOf" srcId="{A9C4BCCA-824B-4462-A615-A8FFB85BDD53}" destId="{DEAC4A17-CF3F-4F69-AD45-4BC81ED47151}" srcOrd="1" destOrd="0" presId="urn:microsoft.com/office/officeart/2005/8/layout/process5"/>
    <dgm:cxn modelId="{1709D8CC-2DEA-4008-9055-5273EB01BFD5}" type="presOf" srcId="{AB684623-11D9-403F-8367-D48D46D6EEF2}" destId="{C53328CF-D00C-4CF7-9E69-AF34BB58196B}" srcOrd="0" destOrd="0" presId="urn:microsoft.com/office/officeart/2005/8/layout/process5"/>
    <dgm:cxn modelId="{8BEEDFD8-D42E-4EAD-A97F-2EBD1BB11A2C}" srcId="{85389694-7B77-45EF-A025-B647D3D13366}" destId="{58F4F745-BC26-43A9-A9E1-FD139549BD03}" srcOrd="4" destOrd="0" parTransId="{DB123CC1-6625-425B-B76E-25F1EAD050FB}" sibTransId="{1FEB8630-BE38-4D11-B716-7FF91D77A642}"/>
    <dgm:cxn modelId="{9B14B9E4-85E5-4932-84FE-F39E6C6B5BFF}" type="presOf" srcId="{3142B9BB-5E72-44E3-BD8F-4AE4BA339AB1}" destId="{AB5E88E4-D8D2-450B-8F00-E8039C6DF2EB}" srcOrd="0" destOrd="0" presId="urn:microsoft.com/office/officeart/2005/8/layout/process5"/>
    <dgm:cxn modelId="{8E771CEE-5E92-4E5C-8BE0-D60BF7DCB388}" type="presOf" srcId="{F291F93C-57B6-4F54-A91C-ABBAB652C468}" destId="{4D10286E-B83D-4DD9-A0AE-7CF0F4B52D5F}" srcOrd="0" destOrd="0" presId="urn:microsoft.com/office/officeart/2005/8/layout/process5"/>
    <dgm:cxn modelId="{250100FC-2412-41D6-9649-47537872F0A5}" srcId="{85389694-7B77-45EF-A025-B647D3D13366}" destId="{3142B9BB-5E72-44E3-BD8F-4AE4BA339AB1}" srcOrd="6" destOrd="0" parTransId="{0C5D992E-4218-4A8F-B20F-3F8A02BE3C3C}" sibTransId="{AB684623-11D9-403F-8367-D48D46D6EEF2}"/>
    <dgm:cxn modelId="{69BA917E-21C6-4606-96DE-71AAE6868C9A}" type="presParOf" srcId="{BD93342C-8467-4656-9E15-6DA7A2F16BC5}" destId="{483BD7E1-860F-4E43-A4E4-5359F36F9DA3}" srcOrd="0" destOrd="0" presId="urn:microsoft.com/office/officeart/2005/8/layout/process5"/>
    <dgm:cxn modelId="{53CF3F7C-889D-43E9-947E-A1DFCF3E3608}" type="presParOf" srcId="{BD93342C-8467-4656-9E15-6DA7A2F16BC5}" destId="{BADA31A4-9D4E-4FF2-AC87-99C8043FAD8F}" srcOrd="1" destOrd="0" presId="urn:microsoft.com/office/officeart/2005/8/layout/process5"/>
    <dgm:cxn modelId="{9376B9DF-2715-4DB3-8C55-34B5A53E3DB6}" type="presParOf" srcId="{BADA31A4-9D4E-4FF2-AC87-99C8043FAD8F}" destId="{DEAC4A17-CF3F-4F69-AD45-4BC81ED47151}" srcOrd="0" destOrd="0" presId="urn:microsoft.com/office/officeart/2005/8/layout/process5"/>
    <dgm:cxn modelId="{2A893CD9-58F8-42A6-9AC7-914FABFA850B}" type="presParOf" srcId="{BD93342C-8467-4656-9E15-6DA7A2F16BC5}" destId="{4D10286E-B83D-4DD9-A0AE-7CF0F4B52D5F}" srcOrd="2" destOrd="0" presId="urn:microsoft.com/office/officeart/2005/8/layout/process5"/>
    <dgm:cxn modelId="{2A214CB6-4912-4112-AEF5-2C3DEC744051}" type="presParOf" srcId="{BD93342C-8467-4656-9E15-6DA7A2F16BC5}" destId="{D9219A7C-ADF5-4FEF-90BA-8AD7B10AE31D}" srcOrd="3" destOrd="0" presId="urn:microsoft.com/office/officeart/2005/8/layout/process5"/>
    <dgm:cxn modelId="{5D453887-7F14-46CA-82F7-0DA871BEC472}" type="presParOf" srcId="{D9219A7C-ADF5-4FEF-90BA-8AD7B10AE31D}" destId="{E484F91B-AA47-47D7-9910-A9E8837369BE}" srcOrd="0" destOrd="0" presId="urn:microsoft.com/office/officeart/2005/8/layout/process5"/>
    <dgm:cxn modelId="{7F4D8317-5766-4CC9-A401-3834E7F98694}" type="presParOf" srcId="{BD93342C-8467-4656-9E15-6DA7A2F16BC5}" destId="{A625096A-53C8-4D07-8813-82C07EC141C8}" srcOrd="4" destOrd="0" presId="urn:microsoft.com/office/officeart/2005/8/layout/process5"/>
    <dgm:cxn modelId="{60E65612-C66C-4841-A910-77333BE7B532}" type="presParOf" srcId="{BD93342C-8467-4656-9E15-6DA7A2F16BC5}" destId="{6BDFBF1B-A696-4B8A-A6BC-F7F351D08DC2}" srcOrd="5" destOrd="0" presId="urn:microsoft.com/office/officeart/2005/8/layout/process5"/>
    <dgm:cxn modelId="{0711C8F6-2769-4756-BCEB-9D403F7CEF10}" type="presParOf" srcId="{6BDFBF1B-A696-4B8A-A6BC-F7F351D08DC2}" destId="{E1F9A829-46A4-4990-BD52-24C6332BE847}" srcOrd="0" destOrd="0" presId="urn:microsoft.com/office/officeart/2005/8/layout/process5"/>
    <dgm:cxn modelId="{427B4298-5DAC-438D-9154-FF22CD7541F1}" type="presParOf" srcId="{BD93342C-8467-4656-9E15-6DA7A2F16BC5}" destId="{3A0A3422-7551-4DD1-A565-D2E0C9C6624A}" srcOrd="6" destOrd="0" presId="urn:microsoft.com/office/officeart/2005/8/layout/process5"/>
    <dgm:cxn modelId="{6ADBBF26-92AB-47FB-8FFD-EAA7E8554894}" type="presParOf" srcId="{BD93342C-8467-4656-9E15-6DA7A2F16BC5}" destId="{221B57D1-E2E0-440B-B9DA-EF148EADA33E}" srcOrd="7" destOrd="0" presId="urn:microsoft.com/office/officeart/2005/8/layout/process5"/>
    <dgm:cxn modelId="{E47CF56A-9BF8-4BF0-97EE-33442FD0B227}" type="presParOf" srcId="{221B57D1-E2E0-440B-B9DA-EF148EADA33E}" destId="{264F62DB-126B-4B32-A634-4CF69F30E8DB}" srcOrd="0" destOrd="0" presId="urn:microsoft.com/office/officeart/2005/8/layout/process5"/>
    <dgm:cxn modelId="{B1AE4C8B-7C6C-4537-A7E5-A5FF5208684B}" type="presParOf" srcId="{BD93342C-8467-4656-9E15-6DA7A2F16BC5}" destId="{450B4A76-202F-4985-BC5F-ED6426BA76A0}" srcOrd="8" destOrd="0" presId="urn:microsoft.com/office/officeart/2005/8/layout/process5"/>
    <dgm:cxn modelId="{5B85E82D-5483-4859-99FB-E60AA5447ADF}" type="presParOf" srcId="{BD93342C-8467-4656-9E15-6DA7A2F16BC5}" destId="{5C4F56C2-B383-4DA7-AAD6-2ADB9D3999E3}" srcOrd="9" destOrd="0" presId="urn:microsoft.com/office/officeart/2005/8/layout/process5"/>
    <dgm:cxn modelId="{8A08AC03-0626-4F9B-B44C-7F12F1238726}" type="presParOf" srcId="{5C4F56C2-B383-4DA7-AAD6-2ADB9D3999E3}" destId="{9A2CEB8B-9EBC-4D34-856F-379E6825BB98}" srcOrd="0" destOrd="0" presId="urn:microsoft.com/office/officeart/2005/8/layout/process5"/>
    <dgm:cxn modelId="{E83059C0-E6B6-4E76-B651-40792E0BAF80}" type="presParOf" srcId="{BD93342C-8467-4656-9E15-6DA7A2F16BC5}" destId="{4890CDF8-FA62-4E94-ACC7-986CB26E7888}" srcOrd="10" destOrd="0" presId="urn:microsoft.com/office/officeart/2005/8/layout/process5"/>
    <dgm:cxn modelId="{D21A361E-7200-44B5-9154-57A52B5470C2}" type="presParOf" srcId="{BD93342C-8467-4656-9E15-6DA7A2F16BC5}" destId="{F880740B-5B95-4AD8-B9CB-3C4973A16A1D}" srcOrd="11" destOrd="0" presId="urn:microsoft.com/office/officeart/2005/8/layout/process5"/>
    <dgm:cxn modelId="{58DCED19-A659-4968-9CEA-3016CFA95FF2}" type="presParOf" srcId="{F880740B-5B95-4AD8-B9CB-3C4973A16A1D}" destId="{6AF2530B-726D-46F4-BA58-04856CB3D808}" srcOrd="0" destOrd="0" presId="urn:microsoft.com/office/officeart/2005/8/layout/process5"/>
    <dgm:cxn modelId="{2568F9B3-DF44-47CA-93E4-91F7B09C2B55}" type="presParOf" srcId="{BD93342C-8467-4656-9E15-6DA7A2F16BC5}" destId="{AB5E88E4-D8D2-450B-8F00-E8039C6DF2EB}" srcOrd="12" destOrd="0" presId="urn:microsoft.com/office/officeart/2005/8/layout/process5"/>
    <dgm:cxn modelId="{DADE249E-02C3-4310-A9F6-704586FBD7FB}" type="presParOf" srcId="{BD93342C-8467-4656-9E15-6DA7A2F16BC5}" destId="{C53328CF-D00C-4CF7-9E69-AF34BB58196B}" srcOrd="13" destOrd="0" presId="urn:microsoft.com/office/officeart/2005/8/layout/process5"/>
    <dgm:cxn modelId="{C76AEFEE-1EC6-47B6-AE05-86B733ADA810}" type="presParOf" srcId="{C53328CF-D00C-4CF7-9E69-AF34BB58196B}" destId="{EC07B680-9127-44E1-A826-BE34FE4A6757}" srcOrd="0" destOrd="0" presId="urn:microsoft.com/office/officeart/2005/8/layout/process5"/>
    <dgm:cxn modelId="{E55C51EC-620C-4F3E-8811-587EB81EB7E4}" type="presParOf" srcId="{BD93342C-8467-4656-9E15-6DA7A2F16BC5}" destId="{3A61BE6E-3990-484A-8145-B619E7A4F435}" srcOrd="14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0" y="21855"/>
          <a:ext cx="2416002" cy="1035967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>
              <a:solidFill>
                <a:schemeClr val="accent2"/>
              </a:solidFill>
            </a:rPr>
            <a:t>AS-IS</a:t>
          </a:r>
        </a:p>
      </dsp:txBody>
      <dsp:txXfrm>
        <a:off x="30342" y="52197"/>
        <a:ext cx="2355318" cy="975283"/>
      </dsp:txXfrm>
    </dsp:sp>
    <dsp:sp modelId="{BADA31A4-9D4E-4FF2-AC87-99C8043FAD8F}">
      <dsp:nvSpPr>
        <dsp:cNvPr id="0" name=""/>
        <dsp:cNvSpPr/>
      </dsp:nvSpPr>
      <dsp:spPr>
        <a:xfrm rot="67382">
          <a:off x="2689396" y="290574"/>
          <a:ext cx="581048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>
        <a:off x="2689410" y="384986"/>
        <a:ext cx="437317" cy="287462"/>
      </dsp:txXfrm>
    </dsp:sp>
    <dsp:sp modelId="{4D10286E-B83D-4DD9-A0AE-7CF0F4B52D5F}">
      <dsp:nvSpPr>
        <dsp:cNvPr id="0" name=""/>
        <dsp:cNvSpPr/>
      </dsp:nvSpPr>
      <dsp:spPr>
        <a:xfrm>
          <a:off x="3512110" y="144015"/>
          <a:ext cx="2319389" cy="927450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>
              <a:solidFill>
                <a:schemeClr val="accent2"/>
              </a:solidFill>
            </a:rPr>
            <a:t>TO-BE</a:t>
          </a:r>
        </a:p>
      </dsp:txBody>
      <dsp:txXfrm>
        <a:off x="3539274" y="171179"/>
        <a:ext cx="2265061" cy="873122"/>
      </dsp:txXfrm>
    </dsp:sp>
    <dsp:sp modelId="{D9219A7C-ADF5-4FEF-90BA-8AD7B10AE31D}">
      <dsp:nvSpPr>
        <dsp:cNvPr id="0" name=""/>
        <dsp:cNvSpPr/>
      </dsp:nvSpPr>
      <dsp:spPr>
        <a:xfrm rot="21546327">
          <a:off x="6080525" y="341507"/>
          <a:ext cx="600085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>
        <a:off x="6080534" y="438450"/>
        <a:ext cx="456354" cy="287462"/>
      </dsp:txXfrm>
    </dsp:sp>
    <dsp:sp modelId="{A625096A-53C8-4D07-8813-82C07EC141C8}">
      <dsp:nvSpPr>
        <dsp:cNvPr id="0" name=""/>
        <dsp:cNvSpPr/>
      </dsp:nvSpPr>
      <dsp:spPr>
        <a:xfrm>
          <a:off x="6963598" y="10339"/>
          <a:ext cx="2583109" cy="1082900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6995315" y="42056"/>
        <a:ext cx="2519675" cy="1019466"/>
      </dsp:txXfrm>
    </dsp:sp>
    <dsp:sp modelId="{6BDFBF1B-A696-4B8A-A6BC-F7F351D08DC2}">
      <dsp:nvSpPr>
        <dsp:cNvPr id="0" name=""/>
        <dsp:cNvSpPr/>
      </dsp:nvSpPr>
      <dsp:spPr>
        <a:xfrm rot="5327834">
          <a:off x="7999581" y="1093046"/>
          <a:ext cx="414093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 rot="-5400000">
        <a:off x="8061592" y="1125566"/>
        <a:ext cx="287462" cy="289865"/>
      </dsp:txXfrm>
    </dsp:sp>
    <dsp:sp modelId="{3A0A3422-7551-4DD1-A565-D2E0C9C6624A}">
      <dsp:nvSpPr>
        <dsp:cNvPr id="0" name=""/>
        <dsp:cNvSpPr/>
      </dsp:nvSpPr>
      <dsp:spPr>
        <a:xfrm>
          <a:off x="7095525" y="1542084"/>
          <a:ext cx="2388647" cy="1324578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 err="1"/>
            <a:t>Pre</a:t>
          </a:r>
          <a:r>
            <a:rPr lang="da-DK" sz="2400" b="1" kern="1200" dirty="0"/>
            <a:t>-etablering</a:t>
          </a:r>
        </a:p>
      </dsp:txBody>
      <dsp:txXfrm>
        <a:off x="7134321" y="1580880"/>
        <a:ext cx="2311055" cy="1246986"/>
      </dsp:txXfrm>
    </dsp:sp>
    <dsp:sp modelId="{221B57D1-E2E0-440B-B9DA-EF148EADA33E}">
      <dsp:nvSpPr>
        <dsp:cNvPr id="0" name=""/>
        <dsp:cNvSpPr/>
      </dsp:nvSpPr>
      <dsp:spPr>
        <a:xfrm rot="10797284">
          <a:off x="6228749" y="1966197"/>
          <a:ext cx="636185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 rot="10800000">
        <a:off x="6372480" y="2061961"/>
        <a:ext cx="492454" cy="287462"/>
      </dsp:txXfrm>
    </dsp:sp>
    <dsp:sp modelId="{450B4A76-202F-4985-BC5F-ED6426BA76A0}">
      <dsp:nvSpPr>
        <dsp:cNvPr id="0" name=""/>
        <dsp:cNvSpPr/>
      </dsp:nvSpPr>
      <dsp:spPr>
        <a:xfrm>
          <a:off x="3456376" y="1620203"/>
          <a:ext cx="2507843" cy="1173996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/>
            <a:t>Flytteperioden</a:t>
          </a:r>
        </a:p>
      </dsp:txBody>
      <dsp:txXfrm>
        <a:off x="3490761" y="1654588"/>
        <a:ext cx="2439073" cy="1105226"/>
      </dsp:txXfrm>
    </dsp:sp>
    <dsp:sp modelId="{5C4F56C2-B383-4DA7-AAD6-2ADB9D3999E3}">
      <dsp:nvSpPr>
        <dsp:cNvPr id="0" name=""/>
        <dsp:cNvSpPr/>
      </dsp:nvSpPr>
      <dsp:spPr>
        <a:xfrm rot="10780325">
          <a:off x="2633084" y="1978918"/>
          <a:ext cx="497057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 rot="10800000">
        <a:off x="2776814" y="2074328"/>
        <a:ext cx="353326" cy="287462"/>
      </dsp:txXfrm>
    </dsp:sp>
    <dsp:sp modelId="{4890CDF8-FA62-4E94-ACC7-986CB26E7888}">
      <dsp:nvSpPr>
        <dsp:cNvPr id="0" name=""/>
        <dsp:cNvSpPr/>
      </dsp:nvSpPr>
      <dsp:spPr>
        <a:xfrm>
          <a:off x="0" y="1647390"/>
          <a:ext cx="2518546" cy="115912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 err="1">
              <a:solidFill>
                <a:schemeClr val="accent2"/>
              </a:solidFill>
            </a:rPr>
            <a:t>Hypercare</a:t>
          </a:r>
          <a:endParaRPr lang="da-DK" sz="2400" b="1" kern="1200" dirty="0">
            <a:solidFill>
              <a:schemeClr val="accent2"/>
            </a:solidFill>
          </a:endParaRPr>
        </a:p>
      </dsp:txBody>
      <dsp:txXfrm>
        <a:off x="33950" y="1681340"/>
        <a:ext cx="2450646" cy="1091224"/>
      </dsp:txXfrm>
    </dsp:sp>
    <dsp:sp modelId="{F880740B-5B95-4AD8-B9CB-3C4973A16A1D}">
      <dsp:nvSpPr>
        <dsp:cNvPr id="0" name=""/>
        <dsp:cNvSpPr/>
      </dsp:nvSpPr>
      <dsp:spPr>
        <a:xfrm rot="5387075">
          <a:off x="1051350" y="2826521"/>
          <a:ext cx="478294" cy="52173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 rot="-5400000">
        <a:off x="1133706" y="2848243"/>
        <a:ext cx="313041" cy="334806"/>
      </dsp:txXfrm>
    </dsp:sp>
    <dsp:sp modelId="{AB5E88E4-D8D2-450B-8F00-E8039C6DF2EB}">
      <dsp:nvSpPr>
        <dsp:cNvPr id="0" name=""/>
        <dsp:cNvSpPr/>
      </dsp:nvSpPr>
      <dsp:spPr>
        <a:xfrm>
          <a:off x="49147" y="3456386"/>
          <a:ext cx="2433853" cy="115912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097" y="3490336"/>
        <a:ext cx="2365953" cy="1091224"/>
      </dsp:txXfrm>
    </dsp:sp>
    <dsp:sp modelId="{C53328CF-D00C-4CF7-9E69-AF34BB58196B}">
      <dsp:nvSpPr>
        <dsp:cNvPr id="0" name=""/>
        <dsp:cNvSpPr/>
      </dsp:nvSpPr>
      <dsp:spPr>
        <a:xfrm rot="21528884">
          <a:off x="2754239" y="3750791"/>
          <a:ext cx="485199" cy="479104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2400" kern="1200"/>
        </a:p>
      </dsp:txBody>
      <dsp:txXfrm>
        <a:off x="2754254" y="3848099"/>
        <a:ext cx="341468" cy="287462"/>
      </dsp:txXfrm>
    </dsp:sp>
    <dsp:sp modelId="{3A61BE6E-3990-484A-8145-B619E7A4F435}">
      <dsp:nvSpPr>
        <dsp:cNvPr id="0" name=""/>
        <dsp:cNvSpPr/>
      </dsp:nvSpPr>
      <dsp:spPr>
        <a:xfrm>
          <a:off x="3528396" y="3384370"/>
          <a:ext cx="2436905" cy="115912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b="1" kern="1200" dirty="0">
              <a:solidFill>
                <a:schemeClr val="bg1"/>
              </a:solidFill>
            </a:rPr>
            <a:t>Evaluering</a:t>
          </a:r>
        </a:p>
      </dsp:txBody>
      <dsp:txXfrm>
        <a:off x="3562346" y="3418320"/>
        <a:ext cx="2369005" cy="109122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83BD7E1-860F-4E43-A4E4-5359F36F9DA3}">
      <dsp:nvSpPr>
        <dsp:cNvPr id="0" name=""/>
        <dsp:cNvSpPr/>
      </dsp:nvSpPr>
      <dsp:spPr>
        <a:xfrm>
          <a:off x="78104" y="0"/>
          <a:ext cx="439941" cy="271429"/>
        </a:xfrm>
        <a:prstGeom prst="roundRect">
          <a:avLst>
            <a:gd name="adj" fmla="val 10000"/>
          </a:avLst>
        </a:prstGeom>
        <a:solidFill>
          <a:schemeClr val="accent3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AS-IS</a:t>
          </a:r>
        </a:p>
      </dsp:txBody>
      <dsp:txXfrm>
        <a:off x="86054" y="7950"/>
        <a:ext cx="424041" cy="255529"/>
      </dsp:txXfrm>
    </dsp:sp>
    <dsp:sp modelId="{BADA31A4-9D4E-4FF2-AC87-99C8043FAD8F}">
      <dsp:nvSpPr>
        <dsp:cNvPr id="0" name=""/>
        <dsp:cNvSpPr/>
      </dsp:nvSpPr>
      <dsp:spPr>
        <a:xfrm rot="21579669">
          <a:off x="575022" y="77103"/>
          <a:ext cx="101318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75022" y="99014"/>
        <a:ext cx="70923" cy="65463"/>
      </dsp:txXfrm>
    </dsp:sp>
    <dsp:sp modelId="{4D10286E-B83D-4DD9-A0AE-7CF0F4B52D5F}">
      <dsp:nvSpPr>
        <dsp:cNvPr id="0" name=""/>
        <dsp:cNvSpPr/>
      </dsp:nvSpPr>
      <dsp:spPr>
        <a:xfrm>
          <a:off x="709209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TO-BE</a:t>
          </a:r>
        </a:p>
      </dsp:txBody>
      <dsp:txXfrm>
        <a:off x="716940" y="7731"/>
        <a:ext cx="424479" cy="248502"/>
      </dsp:txXfrm>
    </dsp:sp>
    <dsp:sp modelId="{D9219A7C-ADF5-4FEF-90BA-8AD7B10AE31D}">
      <dsp:nvSpPr>
        <dsp:cNvPr id="0" name=""/>
        <dsp:cNvSpPr/>
      </dsp:nvSpPr>
      <dsp:spPr>
        <a:xfrm>
          <a:off x="1183934" y="77429"/>
          <a:ext cx="83796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1183934" y="99250"/>
        <a:ext cx="58657" cy="65463"/>
      </dsp:txXfrm>
    </dsp:sp>
    <dsp:sp modelId="{A625096A-53C8-4D07-8813-82C07EC141C8}">
      <dsp:nvSpPr>
        <dsp:cNvPr id="0" name=""/>
        <dsp:cNvSpPr/>
      </dsp:nvSpPr>
      <dsp:spPr>
        <a:xfrm>
          <a:off x="1307257" y="0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GAP-analyse</a:t>
          </a:r>
        </a:p>
      </dsp:txBody>
      <dsp:txXfrm>
        <a:off x="1314988" y="7731"/>
        <a:ext cx="424479" cy="248502"/>
      </dsp:txXfrm>
    </dsp:sp>
    <dsp:sp modelId="{6BDFBF1B-A696-4B8A-A6BC-F7F351D08DC2}">
      <dsp:nvSpPr>
        <dsp:cNvPr id="0" name=""/>
        <dsp:cNvSpPr/>
      </dsp:nvSpPr>
      <dsp:spPr>
        <a:xfrm rot="5204386">
          <a:off x="1469770" y="268855"/>
          <a:ext cx="103832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1488068" y="271517"/>
        <a:ext cx="65463" cy="72682"/>
      </dsp:txXfrm>
    </dsp:sp>
    <dsp:sp modelId="{3A0A3422-7551-4DD1-A565-D2E0C9C6624A}">
      <dsp:nvSpPr>
        <dsp:cNvPr id="0" name=""/>
        <dsp:cNvSpPr/>
      </dsp:nvSpPr>
      <dsp:spPr>
        <a:xfrm>
          <a:off x="1328695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7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/>
            <a:t>Pre</a:t>
          </a:r>
          <a:r>
            <a:rPr lang="da-DK" sz="500" b="1" kern="1200" dirty="0"/>
            <a:t>-etablering</a:t>
          </a:r>
        </a:p>
      </dsp:txBody>
      <dsp:txXfrm>
        <a:off x="1336426" y="384084"/>
        <a:ext cx="424479" cy="248502"/>
      </dsp:txXfrm>
    </dsp:sp>
    <dsp:sp modelId="{221B57D1-E2E0-440B-B9DA-EF148EADA33E}">
      <dsp:nvSpPr>
        <dsp:cNvPr id="0" name=""/>
        <dsp:cNvSpPr/>
      </dsp:nvSpPr>
      <dsp:spPr>
        <a:xfrm rot="10800000">
          <a:off x="1196152" y="453783"/>
          <a:ext cx="93663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1224251" y="475604"/>
        <a:ext cx="65564" cy="65463"/>
      </dsp:txXfrm>
    </dsp:sp>
    <dsp:sp modelId="{450B4A76-202F-4985-BC5F-ED6426BA76A0}">
      <dsp:nvSpPr>
        <dsp:cNvPr id="0" name=""/>
        <dsp:cNvSpPr/>
      </dsp:nvSpPr>
      <dsp:spPr>
        <a:xfrm>
          <a:off x="712029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3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/>
            <a:t>Flytteperioden</a:t>
          </a:r>
        </a:p>
      </dsp:txBody>
      <dsp:txXfrm>
        <a:off x="719760" y="384084"/>
        <a:ext cx="424479" cy="248502"/>
      </dsp:txXfrm>
    </dsp:sp>
    <dsp:sp modelId="{5C4F56C2-B383-4DA7-AAD6-2ADB9D3999E3}">
      <dsp:nvSpPr>
        <dsp:cNvPr id="0" name=""/>
        <dsp:cNvSpPr/>
      </dsp:nvSpPr>
      <dsp:spPr>
        <a:xfrm rot="10800000">
          <a:off x="571814" y="453783"/>
          <a:ext cx="99085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10800000">
        <a:off x="601539" y="475604"/>
        <a:ext cx="69360" cy="65463"/>
      </dsp:txXfrm>
    </dsp:sp>
    <dsp:sp modelId="{4890CDF8-FA62-4E94-ACC7-986CB26E7888}">
      <dsp:nvSpPr>
        <dsp:cNvPr id="0" name=""/>
        <dsp:cNvSpPr/>
      </dsp:nvSpPr>
      <dsp:spPr>
        <a:xfrm>
          <a:off x="85134" y="376353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20000"/>
            <a:lumOff val="8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 err="1">
              <a:solidFill>
                <a:schemeClr val="accent2"/>
              </a:solidFill>
            </a:rPr>
            <a:t>Hypercare</a:t>
          </a:r>
          <a:endParaRPr lang="da-DK" sz="500" b="1" kern="1200" dirty="0">
            <a:solidFill>
              <a:schemeClr val="accent2"/>
            </a:solidFill>
          </a:endParaRPr>
        </a:p>
      </dsp:txBody>
      <dsp:txXfrm>
        <a:off x="92865" y="384084"/>
        <a:ext cx="424479" cy="248502"/>
      </dsp:txXfrm>
    </dsp:sp>
    <dsp:sp modelId="{F880740B-5B95-4AD8-B9CB-3C4973A16A1D}">
      <dsp:nvSpPr>
        <dsp:cNvPr id="0" name=""/>
        <dsp:cNvSpPr/>
      </dsp:nvSpPr>
      <dsp:spPr>
        <a:xfrm rot="5483444">
          <a:off x="264207" y="651799"/>
          <a:ext cx="72181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 rot="-5400000">
        <a:off x="267829" y="670264"/>
        <a:ext cx="65463" cy="50527"/>
      </dsp:txXfrm>
    </dsp:sp>
    <dsp:sp modelId="{AB5E88E4-D8D2-450B-8F00-E8039C6DF2EB}">
      <dsp:nvSpPr>
        <dsp:cNvPr id="0" name=""/>
        <dsp:cNvSpPr/>
      </dsp:nvSpPr>
      <dsp:spPr>
        <a:xfrm>
          <a:off x="75420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accent2"/>
              </a:solidFill>
            </a:rPr>
            <a:t>Fraflytning</a:t>
          </a:r>
        </a:p>
      </dsp:txBody>
      <dsp:txXfrm>
        <a:off x="83151" y="784201"/>
        <a:ext cx="424479" cy="248502"/>
      </dsp:txXfrm>
    </dsp:sp>
    <dsp:sp modelId="{C53328CF-D00C-4CF7-9E69-AF34BB58196B}">
      <dsp:nvSpPr>
        <dsp:cNvPr id="0" name=""/>
        <dsp:cNvSpPr/>
      </dsp:nvSpPr>
      <dsp:spPr>
        <a:xfrm>
          <a:off x="563709" y="830203"/>
          <a:ext cx="93267" cy="109105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400" kern="1200"/>
        </a:p>
      </dsp:txBody>
      <dsp:txXfrm>
        <a:off x="563709" y="852024"/>
        <a:ext cx="65287" cy="65463"/>
      </dsp:txXfrm>
    </dsp:sp>
    <dsp:sp modelId="{3A61BE6E-3990-484A-8145-B619E7A4F435}">
      <dsp:nvSpPr>
        <dsp:cNvPr id="0" name=""/>
        <dsp:cNvSpPr/>
      </dsp:nvSpPr>
      <dsp:spPr>
        <a:xfrm>
          <a:off x="691338" y="776470"/>
          <a:ext cx="439941" cy="263964"/>
        </a:xfrm>
        <a:prstGeom prst="roundRect">
          <a:avLst>
            <a:gd name="adj" fmla="val 10000"/>
          </a:avLst>
        </a:prstGeom>
        <a:solidFill>
          <a:schemeClr val="accent5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050" tIns="19050" rIns="19050" bIns="1905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500" b="1" kern="1200" dirty="0">
              <a:solidFill>
                <a:schemeClr val="bg1"/>
              </a:solidFill>
            </a:rPr>
            <a:t>Evaluering</a:t>
          </a:r>
        </a:p>
      </dsp:txBody>
      <dsp:txXfrm>
        <a:off x="699069" y="784201"/>
        <a:ext cx="424479" cy="24850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F39C52C8-4AFE-4C66-A0B7-F0ED9593C858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F6677ADF-8AA8-4EFC-9439-C16A2F323686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3877E3-4FCB-4328-9F41-8AFB1B35EE21}" type="datetimeFigureOut">
              <a:rPr lang="da-DK" smtClean="0"/>
              <a:t>16-09-2019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61E73A20-8D96-4CC4-95B6-7BC61D909B5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da-DK"/>
              <a:t>Henrik Haastrup og Pernille Gotthard Kristiansen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6AC69C6-4F93-4BF4-A4E0-6C468B7C2B8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F26FAB5-9753-424F-949D-FB61433480E2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34381559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6-09-2019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A6307B5-20FF-40BC-88AD-B484ADEF8BD7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38358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74D4BA2-76B0-47E4-8F2C-DC45FE8AFD2C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598655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AA64575-94F9-4D7F-A64D-54820F806D2E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5986551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282575" y="2998788"/>
            <a:ext cx="14401800" cy="81026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17E639C-F630-47FF-BE3A-77AB094946D6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5107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8113" y="1347788"/>
            <a:ext cx="6462712" cy="3636962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AA1BF38-6D94-4FED-89CF-B131AB56389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8113" y="1347788"/>
            <a:ext cx="6462712" cy="3636962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7BB90ED-54EA-4BA1-9025-A790A65EDCF6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75090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wmf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6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2038154"/>
            <a:ext cx="12191423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748778147" name="image" descr="{&quot;templafy&quot;:{&quot;id&quot;:&quot;c92cbd29-20f8-40a9-a5fd-bef3d7ee4d6c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687874729" name="image" descr="{&quot;templafy&quot;:{&quot;id&quot;:&quot;e3b2dfde-4cd5-4288-9880-ba2b02d88688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764862540" name="image" descr="{&quot;templafy&quot;:{&quot;id&quot;:&quot;ac2772d8-6442-457a-a177-d817c825dd99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507912223" name="image" descr="{&quot;templafy&quot;:{&quot;id&quot;:&quot;c98a04b0-4d32-426d-88cb-7e1e76cc3ff2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1eed4446-690d-4ece-ac5d-a396acc85875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e6de6028-e857-420d-9c77-98d2328c0655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7A9DA7-FBE4-439A-976B-CEAF95C9B9C4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87534068" name="image" descr="{&quot;templafy&quot;:{&quot;id&quot;:&quot;c786ccf4-da17-4a48-a981-6932e870c2f3&quot;}}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33444644" name="image" descr="{&quot;templafy&quot;:{&quot;id&quot;:&quot;bec14212-520a-4798-8852-546ad569b733&quot;}}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pic>
        <p:nvPicPr>
          <p:cNvPr id="162971268" name="image" descr="{&quot;templafy&quot;:{&quot;id&quot;:&quot;468c8706-475e-4d7c-b8c3-7cfb50dad981&quot;}}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80980231" name="image" descr="{&quot;templafy&quot;:{&quot;id&quot;:&quot;55e132f2-7ba0-46c0-a0b3-57997a0a5fb6&quot;}}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32dbb894-03b3-4042-b314-18058768384c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af6bcf37-aae9-4bfe-a9b3-4589ce42c1ce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28ff8981-0874-4deb-8d9a-c451178f8011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31" name="text" descr="{&quot;templafy&quot;:{&quot;id&quot;:&quot;c3555493-981a-485a-8684-d3ae3073f3ad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671120774" name="image" descr="{&quot;templafy&quot;:{&quot;id&quot;:&quot;7988b4b3-cf3d-4c5a-93fc-88445081269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37600"/>
            <a:ext cx="684000" cy="4820400"/>
          </a:xfrm>
          <a:prstGeom prst="rect">
            <a:avLst/>
          </a:prstGeom>
        </p:spPr>
      </p:pic>
      <p:pic>
        <p:nvPicPr>
          <p:cNvPr id="484652232" name="image" descr="{&quot;templafy&quot;:{&quot;id&quot;:&quot;1cd1b43a-9c48-4770-82aa-82d4c84123b4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A0D52A-DD03-4C27-9EE6-39CD6DE898A8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618243801" name="image" descr="{&quot;templafy&quot;:{&quot;id&quot;:&quot;937b6b1e-341a-4d9b-84e6-90225f9ab42f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23fc1e85-e863-4052-89ef-bba0453985a4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fd94ac10-9833-4f48-a910-a976fc748350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9bf76412-f377-4562-95a5-c8dc211fd25a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22" name="text" descr="{&quot;templafy&quot;:{&quot;id&quot;:&quot;1d6b1525-020d-46ac-a633-a6c759ea6f0e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27751085" name="image" descr="{&quot;templafy&quot;:{&quot;id&quot;:&quot;26e39893-dab2-4d18-abe4-fec90fbdb510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85409181" name="image" descr="{&quot;templafy&quot;:{&quot;id&quot;:&quot;e494a1f3-30d1-4a99-ac83-2454bb65eefb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20476685" name="image" descr="{&quot;templafy&quot;:{&quot;id&quot;:&quot;cb68768d-ef9a-4d2e-ae0b-c09e611b5fd4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9" name="text" descr="{&quot;templafy&quot;:{&quot;id&quot;:&quot;c5064ab0-796e-4846-b1be-e4ec235bdbb6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Henrik Haastrup</a:t>
            </a:r>
          </a:p>
        </p:txBody>
      </p:sp>
      <p:sp>
        <p:nvSpPr>
          <p:cNvPr id="30" name="text" descr="{&quot;templafy&quot;:{&quot;id&quot;:&quot;5cdb1cb1-06d5-4c05-99d4-b76bd44ba8cf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886E0-4A00-4C13-9168-1DDBF07D17BE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34477085" name="image" descr="{&quot;templafy&quot;:{&quot;id&quot;:&quot;57489460-3d52-4900-9852-26126cef0b37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156298050" name="image" descr="{&quot;templafy&quot;:{&quot;id&quot;:&quot;eb9a617e-1325-4582-ae8b-e73a46a2f3d1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03309f4d-0a4d-49f3-8af2-82723f7f49b3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2" name="text" descr="{&quot;templafy&quot;:{&quot;id&quot;:&quot;920f7738-b232-48c6-8a36-20eed3f9f4bb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7ee911fd-e4b6-448c-ad87-430081c05aef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4" name="text" descr="{&quot;templafy&quot;:{&quot;id&quot;:&quot;9c7a5f05-8120-4aff-ac0f-4d11376b2efd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40425419" name="image" descr="{&quot;templafy&quot;:{&quot;id&quot;:&quot;888845f8-1f46-404e-a01b-f4af125e2d0a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55027358" name="image" descr="{&quot;templafy&quot;:{&quot;id&quot;:&quot;8fbea72d-9ad5-4504-b8ba-4ebba5bf4c26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96053630" name="image" descr="{&quot;templafy&quot;:{&quot;id&quot;:&quot;094ed378-7d0a-4cdf-9aee-c41c39add48d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920988148" name="image" descr="{&quot;templafy&quot;:{&quot;id&quot;:&quot;e32c7764-698a-4706-b0e2-529a8b28c581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17" name="text" descr="{&quot;templafy&quot;:{&quot;id&quot;:&quot;f71e99bb-0ef0-4717-a8b2-bcbd98372db5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18" name="text" descr="{&quot;templafy&quot;:{&quot;id&quot;:&quot;9bf47c1a-c4db-4bbb-a065-f8b32b0f00c4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104364205" name="image" descr="{&quot;templafy&quot;:{&quot;id&quot;:&quot;e3b3eabc-f58e-469d-9719-145c2942d31a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992849691" name="image" descr="{&quot;templafy&quot;:{&quot;id&quot;:&quot;9d04d54e-f463-4b6b-a979-60ede8ce926c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8017200" y="50400"/>
            <a:ext cx="4176000" cy="619200"/>
          </a:xfrm>
          <a:prstGeom prst="rect">
            <a:avLst/>
          </a:prstGeom>
        </p:spPr>
      </p:pic>
      <p:pic>
        <p:nvPicPr>
          <p:cNvPr id="111065207" name="image" descr="{&quot;templafy&quot;:{&quot;id&quot;:&quot;544a6d48-e6a2-403c-b145-5390b140bd43&quot;}}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55EC1003-9B9A-494A-9052-075608A19196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69783333" name="image" descr="{&quot;templafy&quot;:{&quot;id&quot;:&quot;9dc87f96-2408-4b9b-b7f7-db76585eb030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544e3f37-3c0d-4be4-9bd0-5571e16d4db0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27" name="text" descr="{&quot;templafy&quot;:{&quot;id&quot;:&quot;8e252a38-43b1-488e-9070-615aae93b94c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50719211-c65c-48a7-9e0d-4da12ee06e1c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er for It, Medico og Telefoni</a:t>
            </a:r>
          </a:p>
        </p:txBody>
      </p:sp>
      <p:sp>
        <p:nvSpPr>
          <p:cNvPr id="36" name="text" descr="{&quot;templafy&quot;:{&quot;id&quot;:&quot;fb527267-01ab-47da-bfb7-7274543e1801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61347038" name="image" descr="{&quot;templafy&quot;:{&quot;id&quot;:&quot;3d0860ea-62b0-4eb2-9ee2-6bc2809be300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74351308" name="image" descr="{&quot;templafy&quot;:{&quot;id&quot;:&quot;a0ef68bf-88a8-4089-aa7b-b36c2f051352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c815fdf7-94a1-489b-9c9c-e4f4805d0781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30" name="text" descr="{&quot;templafy&quot;:{&quot;id&quot;:&quot;f666ef10-c2d5-4d81-aa5d-1c5b9078f350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0B798B-3334-4BC0-9CFA-924A4D49F950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815414" y="2038154"/>
            <a:ext cx="11376009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11" name="Rektangel 10"/>
          <p:cNvSpPr/>
          <p:nvPr userDrawn="1"/>
        </p:nvSpPr>
        <p:spPr>
          <a:xfrm>
            <a:off x="11280000" y="2040925"/>
            <a:ext cx="911424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1"/>
            <a:ext cx="911424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13" name="Rektangel 12"/>
          <p:cNvSpPr/>
          <p:nvPr userDrawn="1"/>
        </p:nvSpPr>
        <p:spPr>
          <a:xfrm>
            <a:off x="0" y="2040925"/>
            <a:ext cx="911424" cy="4819847"/>
          </a:xfrm>
          <a:prstGeom prst="rect">
            <a:avLst/>
          </a:prstGeom>
          <a:solidFill>
            <a:srgbClr val="1F293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828801" y="2720891"/>
            <a:ext cx="8536833" cy="1981738"/>
          </a:xfrm>
        </p:spPr>
        <p:txBody>
          <a:bodyPr anchor="t" anchorCtr="0"/>
          <a:lstStyle>
            <a:lvl1pPr>
              <a:defRPr sz="37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828800" y="5101432"/>
            <a:ext cx="8534400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sp>
        <p:nvSpPr>
          <p:cNvPr id="19" name="Pladsholder til tekst 3"/>
          <p:cNvSpPr>
            <a:spLocks noGrp="1"/>
          </p:cNvSpPr>
          <p:nvPr>
            <p:ph type="body" sz="quarter" idx="13" hasCustomPrompt="1"/>
          </p:nvPr>
        </p:nvSpPr>
        <p:spPr>
          <a:xfrm>
            <a:off x="1828800" y="399192"/>
            <a:ext cx="9456000" cy="358444"/>
          </a:xfrm>
        </p:spPr>
        <p:txBody>
          <a:bodyPr/>
          <a:lstStyle>
            <a:lvl1pPr marL="0" indent="0">
              <a:buNone/>
              <a:defRPr lang="da-DK" sz="1200" b="1" kern="120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da-DK" dirty="0"/>
              <a:t>Evt. center/afdeling/enhed skrives her</a:t>
            </a:r>
          </a:p>
        </p:txBody>
      </p:sp>
      <p:sp>
        <p:nvSpPr>
          <p:cNvPr id="17" name="Tekstfelt 4"/>
          <p:cNvSpPr txBox="1"/>
          <p:nvPr userDrawn="1"/>
        </p:nvSpPr>
        <p:spPr>
          <a:xfrm>
            <a:off x="1828800" y="207098"/>
            <a:ext cx="3120347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C56E783-075E-4A4B-A171-500481366155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grpSp>
        <p:nvGrpSpPr>
          <p:cNvPr id="14" name="Logo"/>
          <p:cNvGrpSpPr/>
          <p:nvPr userDrawn="1"/>
        </p:nvGrpSpPr>
        <p:grpSpPr>
          <a:xfrm>
            <a:off x="609601" y="1584001"/>
            <a:ext cx="914367" cy="685775"/>
            <a:chOff x="5871397" y="3561347"/>
            <a:chExt cx="2057324" cy="2057324"/>
          </a:xfrm>
        </p:grpSpPr>
        <p:pic>
          <p:nvPicPr>
            <p:cNvPr id="15" name="Billede 14"/>
            <p:cNvPicPr>
              <a:picLocks noChangeAspect="1"/>
            </p:cNvPicPr>
            <p:nvPr userDrawn="1"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71397" y="3561347"/>
              <a:ext cx="2057324" cy="2057324"/>
            </a:xfrm>
            <a:prstGeom prst="rect">
              <a:avLst/>
            </a:prstGeom>
          </p:spPr>
        </p:pic>
        <p:pic>
          <p:nvPicPr>
            <p:cNvPr id="16" name="Billede 15"/>
            <p:cNvPicPr>
              <a:picLocks noChangeAspect="1"/>
            </p:cNvPicPr>
            <p:nvPr userDrawn="1"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040992" y="3692094"/>
              <a:ext cx="349250" cy="1784350"/>
            </a:xfrm>
            <a:prstGeom prst="rect">
              <a:avLst/>
            </a:prstGeom>
          </p:spPr>
        </p:pic>
      </p:grpSp>
      <p:sp>
        <p:nvSpPr>
          <p:cNvPr id="22" name="AutoShape 4"/>
          <p:cNvSpPr>
            <a:spLocks/>
          </p:cNvSpPr>
          <p:nvPr userDrawn="1"/>
        </p:nvSpPr>
        <p:spPr bwMode="gray">
          <a:xfrm>
            <a:off x="12388287" y="10191"/>
            <a:ext cx="2323588" cy="10977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defTabSz="457200" eaLnBrk="0" hangingPunct="0">
              <a:spcBef>
                <a:spcPct val="20000"/>
              </a:spcBef>
              <a:buChar char="•"/>
              <a:tabLst>
                <a:tab pos="177800" algn="l"/>
              </a:tabLst>
              <a:defRPr sz="3200">
                <a:solidFill>
                  <a:schemeClr val="tx1"/>
                </a:solidFill>
                <a:latin typeface="Arial" charset="0"/>
              </a:defRPr>
            </a:lvl1pPr>
            <a:lvl2pPr marL="742950" indent="-285750" defTabSz="457200" eaLnBrk="0" hangingPunct="0">
              <a:spcBef>
                <a:spcPct val="20000"/>
              </a:spcBef>
              <a:buChar char="–"/>
              <a:tabLst>
                <a:tab pos="177800" algn="l"/>
              </a:tabLst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 defTabSz="457200" eaLnBrk="0" hangingPunct="0">
              <a:spcBef>
                <a:spcPct val="20000"/>
              </a:spcBef>
              <a:buChar char="•"/>
              <a:tabLst>
                <a:tab pos="177800" algn="l"/>
              </a:tabLst>
              <a:defRPr sz="2400">
                <a:solidFill>
                  <a:schemeClr val="tx1"/>
                </a:solidFill>
                <a:latin typeface="Arial" charset="0"/>
              </a:defRPr>
            </a:lvl3pPr>
            <a:lvl4pPr marL="1600200" indent="-228600" defTabSz="457200" eaLnBrk="0" hangingPunct="0">
              <a:spcBef>
                <a:spcPct val="20000"/>
              </a:spcBef>
              <a:buChar char="–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4pPr>
            <a:lvl5pPr marL="2057400" indent="-228600" defTabSz="457200" eaLnBrk="0" hangingPunct="0">
              <a:spcBef>
                <a:spcPct val="20000"/>
              </a:spcBef>
              <a:buChar char="»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tabLst>
                <a:tab pos="177800" algn="l"/>
              </a:tabLst>
              <a:defRPr sz="2000">
                <a:solidFill>
                  <a:schemeClr val="tx1"/>
                </a:solidFill>
                <a:latin typeface="Arial" charset="0"/>
              </a:defRPr>
            </a:lvl9pPr>
          </a:lstStyle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Indsæt hjælpelinjer til placering af objekter</a:t>
            </a:r>
          </a:p>
          <a:p>
            <a:pPr algn="l" eaLnBrk="1" hangingPunct="1">
              <a:spcBef>
                <a:spcPct val="0"/>
              </a:spcBef>
              <a:spcAft>
                <a:spcPts val="24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Højreklik uden for slidet og vælg </a:t>
            </a: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Gitter og hjælpelinjer</a:t>
            </a:r>
          </a:p>
          <a:p>
            <a:pPr algn="l" eaLnBrk="1" hangingPunct="1">
              <a:spcBef>
                <a:spcPct val="0"/>
              </a:spcBef>
              <a:spcAft>
                <a:spcPts val="24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Sæt kryds ved </a:t>
            </a: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Vis tegnehjælpelinjer på skærmen</a:t>
            </a:r>
          </a:p>
          <a:p>
            <a:pPr algn="l" eaLnBrk="1" hangingPunct="1">
              <a:spcBef>
                <a:spcPct val="0"/>
              </a:spcBef>
              <a:spcAft>
                <a:spcPts val="24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3.</a:t>
            </a:r>
            <a:r>
              <a:rPr lang="da-DK" altLang="da-DK" sz="900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 Vælg </a:t>
            </a:r>
            <a:r>
              <a:rPr lang="da-DK" altLang="da-DK" sz="900" b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OK</a:t>
            </a:r>
          </a:p>
        </p:txBody>
      </p:sp>
      <p:grpSp>
        <p:nvGrpSpPr>
          <p:cNvPr id="18" name="Group 17"/>
          <p:cNvGrpSpPr/>
          <p:nvPr userDrawn="1"/>
        </p:nvGrpSpPr>
        <p:grpSpPr>
          <a:xfrm>
            <a:off x="-2929002" y="3952490"/>
            <a:ext cx="2728745" cy="2824883"/>
            <a:chOff x="-2196752" y="3952489"/>
            <a:chExt cx="2046559" cy="2824883"/>
          </a:xfrm>
        </p:grpSpPr>
        <p:grpSp>
          <p:nvGrpSpPr>
            <p:cNvPr id="25" name="Gruppe 24"/>
            <p:cNvGrpSpPr/>
            <p:nvPr userDrawn="1"/>
          </p:nvGrpSpPr>
          <p:grpSpPr>
            <a:xfrm>
              <a:off x="-2196752" y="3952489"/>
              <a:ext cx="2046559" cy="2824883"/>
              <a:chOff x="-2167432" y="3952489"/>
              <a:chExt cx="2046559" cy="2824883"/>
            </a:xfrm>
          </p:grpSpPr>
          <p:sp>
            <p:nvSpPr>
              <p:cNvPr id="20" name="Text Box 48"/>
              <p:cNvSpPr txBox="1">
                <a:spLocks noChangeArrowheads="1"/>
              </p:cNvSpPr>
              <p:nvPr/>
            </p:nvSpPr>
            <p:spPr bwMode="auto">
              <a:xfrm>
                <a:off x="-2167432" y="3952489"/>
                <a:ext cx="2046559" cy="13003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square" lIns="0" tIns="0" rIns="0" bIns="0">
                <a:spAutoFit/>
              </a:bodyPr>
              <a:lstStyle>
                <a:lvl1pPr eaLnBrk="0" hangingPunct="0">
                  <a:defRPr>
                    <a:solidFill>
                      <a:schemeClr val="tx1"/>
                    </a:solidFill>
                    <a:latin typeface="Arial" charset="0"/>
                  </a:defRPr>
                </a:lvl1pPr>
                <a:lvl2pPr marL="742950" indent="-285750" eaLnBrk="0" hangingPunct="0">
                  <a:defRPr>
                    <a:solidFill>
                      <a:schemeClr val="tx1"/>
                    </a:solidFill>
                    <a:latin typeface="Arial" charset="0"/>
                  </a:defRPr>
                </a:lvl2pPr>
                <a:lvl3pPr marL="1143000" indent="-228600" eaLnBrk="0" hangingPunct="0">
                  <a:defRPr>
                    <a:solidFill>
                      <a:schemeClr val="tx1"/>
                    </a:solidFill>
                    <a:latin typeface="Arial" charset="0"/>
                  </a:defRPr>
                </a:lvl3pPr>
                <a:lvl4pPr marL="1600200" indent="-228600" eaLnBrk="0" hangingPunct="0">
                  <a:defRPr>
                    <a:solidFill>
                      <a:schemeClr val="tx1"/>
                    </a:solidFill>
                    <a:latin typeface="Arial" charset="0"/>
                  </a:defRPr>
                </a:lvl4pPr>
                <a:lvl5pPr marL="2057400" indent="-228600" eaLnBrk="0" hangingPunct="0">
                  <a:defRPr>
                    <a:solidFill>
                      <a:schemeClr val="tx1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>
                    <a:solidFill>
                      <a:schemeClr val="tx1"/>
                    </a:solidFill>
                    <a:latin typeface="Arial" charset="0"/>
                  </a:defRPr>
                </a:lvl9pPr>
              </a:lstStyle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Indsætte Titel/beskrivelse og Navn</a:t>
                </a:r>
              </a:p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alt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1. </a:t>
                </a:r>
                <a:r>
                  <a:rPr lang="da-DK" alt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Vælg </a:t>
                </a:r>
                <a:r>
                  <a:rPr lang="da-DK" alt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Indsæt</a:t>
                </a:r>
                <a:r>
                  <a:rPr lang="da-DK" alt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 i topmenuen </a:t>
                </a:r>
              </a:p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alt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2. </a:t>
                </a:r>
                <a:r>
                  <a:rPr lang="da-DK" alt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Vælg </a:t>
                </a:r>
                <a:r>
                  <a:rPr lang="da-DK" alt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Sidehoved og Sidefod</a:t>
                </a:r>
              </a:p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3. </a:t>
                </a:r>
                <a:r>
                  <a:rPr 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Indtast</a:t>
                </a:r>
                <a:r>
                  <a:rPr lang="da-DK" sz="900" baseline="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 dit navn, hvor der står </a:t>
                </a:r>
                <a:r>
                  <a:rPr lang="da-DK" sz="900" b="1" baseline="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Navn</a:t>
                </a:r>
                <a:endParaRPr lang="da-DK" sz="900" b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4. </a:t>
                </a:r>
                <a:r>
                  <a:rPr 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Indsæt Titel/beskrivelse</a:t>
                </a:r>
                <a:r>
                  <a:rPr lang="da-DK" sz="900" baseline="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 hvor der står </a:t>
                </a:r>
                <a:r>
                  <a:rPr lang="da-DK" sz="900" b="1" kern="12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Titel/beskrivelse</a:t>
                </a:r>
                <a:endParaRPr lang="da-DK" sz="900" b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  <a:p>
                <a:pPr algn="r" eaLnBrk="1" hangingPunct="1">
                  <a:spcAft>
                    <a:spcPts val="250"/>
                  </a:spcAft>
                  <a:defRPr/>
                </a:pP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5. </a:t>
                </a:r>
                <a:r>
                  <a:rPr 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Vælg </a:t>
                </a: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Anvend på alle </a:t>
                </a:r>
                <a:r>
                  <a:rPr 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eller </a:t>
                </a:r>
                <a:r>
                  <a:rPr lang="da-DK" sz="900" b="1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Anvend</a:t>
                </a:r>
                <a:r>
                  <a:rPr lang="da-DK" sz="900" noProof="1">
                    <a:solidFill>
                      <a:schemeClr val="bg1">
                        <a:lumMod val="50000"/>
                      </a:schemeClr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 hvis det kun skal være på et enkel slide</a:t>
                </a:r>
              </a:p>
            </p:txBody>
          </p:sp>
          <p:grpSp>
            <p:nvGrpSpPr>
              <p:cNvPr id="9" name="Gruppe 8"/>
              <p:cNvGrpSpPr/>
              <p:nvPr userDrawn="1"/>
            </p:nvGrpSpPr>
            <p:grpSpPr>
              <a:xfrm>
                <a:off x="-2167432" y="5314312"/>
                <a:ext cx="2046559" cy="1463060"/>
                <a:chOff x="-2364901" y="4975472"/>
                <a:chExt cx="2046559" cy="1463060"/>
              </a:xfrm>
            </p:grpSpPr>
            <p:pic>
              <p:nvPicPr>
                <p:cNvPr id="2" name="Billede 1"/>
                <p:cNvPicPr>
                  <a:picLocks noChangeAspect="1"/>
                </p:cNvPicPr>
                <p:nvPr userDrawn="1"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-2364901" y="4975472"/>
                  <a:ext cx="2046559" cy="1463060"/>
                </a:xfrm>
                <a:prstGeom prst="rect">
                  <a:avLst/>
                </a:prstGeom>
              </p:spPr>
            </p:pic>
            <p:sp>
              <p:nvSpPr>
                <p:cNvPr id="7" name="Rektangel 6"/>
                <p:cNvSpPr/>
                <p:nvPr userDrawn="1"/>
              </p:nvSpPr>
              <p:spPr>
                <a:xfrm>
                  <a:off x="-2157169" y="5721682"/>
                  <a:ext cx="1364573" cy="108100"/>
                </a:xfrm>
                <a:prstGeom prst="rect">
                  <a:avLst/>
                </a:prstGeom>
                <a:noFill/>
                <a:ln w="9525">
                  <a:solidFill>
                    <a:srgbClr val="FF000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a-DK" sz="1800" dirty="0"/>
                </a:p>
              </p:txBody>
            </p:sp>
            <p:sp>
              <p:nvSpPr>
                <p:cNvPr id="23" name="Rektangel 22"/>
                <p:cNvSpPr/>
                <p:nvPr userDrawn="1"/>
              </p:nvSpPr>
              <p:spPr>
                <a:xfrm>
                  <a:off x="-2202172" y="5952717"/>
                  <a:ext cx="1409576" cy="104575"/>
                </a:xfrm>
                <a:prstGeom prst="rect">
                  <a:avLst/>
                </a:prstGeom>
                <a:noFill/>
                <a:ln w="9525">
                  <a:solidFill>
                    <a:srgbClr val="FF0000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ctr"/>
                <a:lstStyle/>
                <a:p>
                  <a:pPr algn="ctr"/>
                  <a:endParaRPr lang="da-DK" sz="1800" dirty="0"/>
                </a:p>
              </p:txBody>
            </p:sp>
          </p:grpSp>
        </p:grpSp>
        <p:pic>
          <p:nvPicPr>
            <p:cNvPr id="24" name="Billede 1"/>
            <p:cNvPicPr>
              <a:picLocks noChangeAspect="1"/>
            </p:cNvPicPr>
            <p:nvPr userDrawn="1"/>
          </p:nvPicPr>
          <p:blipFill rotWithShape="1">
            <a:blip r:embed="rId4"/>
            <a:srcRect l="6362" t="63226" r="91404" b="33649"/>
            <a:stretch/>
          </p:blipFill>
          <p:spPr>
            <a:xfrm>
              <a:off x="-2072073" y="6166241"/>
              <a:ext cx="45719" cy="45719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55504941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824000" y="872716"/>
            <a:ext cx="9456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E411BD-7ECD-46D4-BAE6-AE329B806D81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grpSp>
        <p:nvGrpSpPr>
          <p:cNvPr id="12" name="Gruppe 11"/>
          <p:cNvGrpSpPr/>
          <p:nvPr userDrawn="1"/>
        </p:nvGrpSpPr>
        <p:grpSpPr>
          <a:xfrm>
            <a:off x="-2640970" y="2393789"/>
            <a:ext cx="2444751" cy="2755626"/>
            <a:chOff x="-1980728" y="1411288"/>
            <a:chExt cx="1833563" cy="2755626"/>
          </a:xfrm>
        </p:grpSpPr>
        <p:sp>
          <p:nvSpPr>
            <p:cNvPr id="13" name="AutoShape 4"/>
            <p:cNvSpPr>
              <a:spLocks/>
            </p:cNvSpPr>
            <p:nvPr userDrawn="1"/>
          </p:nvSpPr>
          <p:spPr bwMode="gray">
            <a:xfrm>
              <a:off x="-1980728" y="1411288"/>
              <a:ext cx="1830388" cy="275562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defTabSz="457200" eaLnBrk="0" hangingPunct="0">
                <a:spcBef>
                  <a:spcPct val="20000"/>
                </a:spcBef>
                <a:buChar char="•"/>
                <a:tabLst>
                  <a:tab pos="177800" algn="l"/>
                </a:tabLst>
                <a:defRPr sz="3200">
                  <a:solidFill>
                    <a:schemeClr val="tx1"/>
                  </a:solidFill>
                  <a:latin typeface="Arial" charset="0"/>
                </a:defRPr>
              </a:lvl1pPr>
              <a:lvl2pPr marL="742950" indent="-285750" defTabSz="457200" eaLnBrk="0" hangingPunct="0">
                <a:spcBef>
                  <a:spcPct val="20000"/>
                </a:spcBef>
                <a:buChar char="–"/>
                <a:tabLst>
                  <a:tab pos="177800" algn="l"/>
                </a:tabLst>
                <a:defRPr sz="2800">
                  <a:solidFill>
                    <a:schemeClr val="tx1"/>
                  </a:solidFill>
                  <a:latin typeface="Arial" charset="0"/>
                </a:defRPr>
              </a:lvl2pPr>
              <a:lvl3pPr marL="1143000" indent="-228600" defTabSz="457200" eaLnBrk="0" hangingPunct="0">
                <a:spcBef>
                  <a:spcPct val="20000"/>
                </a:spcBef>
                <a:buChar char="•"/>
                <a:tabLst>
                  <a:tab pos="177800" algn="l"/>
                </a:tabLst>
                <a:defRPr sz="2400">
                  <a:solidFill>
                    <a:schemeClr val="tx1"/>
                  </a:solidFill>
                  <a:latin typeface="Arial" charset="0"/>
                </a:defRPr>
              </a:lvl3pPr>
              <a:lvl4pPr marL="1600200" indent="-228600" defTabSz="457200" eaLnBrk="0" hangingPunct="0">
                <a:spcBef>
                  <a:spcPct val="20000"/>
                </a:spcBef>
                <a:buChar char="–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4pPr>
              <a:lvl5pPr marL="2057400" indent="-228600" defTabSz="457200" eaLnBrk="0" hangingPunct="0">
                <a:spcBef>
                  <a:spcPct val="20000"/>
                </a:spcBef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5pPr>
              <a:lvl6pPr marL="25146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6pPr>
              <a:lvl7pPr marL="29718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7pPr>
              <a:lvl8pPr marL="34290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8pPr>
              <a:lvl9pPr marL="38862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algn="r" eaLnBrk="1" hangingPunct="1">
                <a:spcBef>
                  <a:spcPct val="0"/>
                </a:spcBef>
                <a:spcAft>
                  <a:spcPts val="600"/>
                </a:spcAft>
                <a:buFontTx/>
                <a:buNone/>
                <a:defRPr/>
              </a:pP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Opstil teksten i punkter</a:t>
              </a: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Niveauer</a:t>
              </a:r>
            </a:p>
            <a:p>
              <a:pPr algn="r" eaLnBrk="1" hangingPunct="1"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1. Niveau = Bullets </a:t>
              </a:r>
              <a:r>
                <a:rPr lang="da-DK" altLang="da-DK" sz="900" i="1" baseline="0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22</a:t>
              </a: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2. Niveau = Bullets 22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3. Niveau = Bullets 20 pkt</a:t>
              </a: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4. Niveau = Bullets 18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5. – 9. Niveau = Bullets 16 - 10</a:t>
              </a:r>
              <a:r>
                <a:rPr lang="da-DK" altLang="da-DK" sz="900" i="1" baseline="0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 </a:t>
              </a: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pkt</a:t>
              </a: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 at få punktopstillet teksten (flere niveauer findes) brug </a:t>
              </a: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øg listeniveau</a:t>
              </a: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 at få venstrestillet teksten </a:t>
              </a:r>
              <a:b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uden punktopstilling, brug </a:t>
              </a: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mindsk listeniveau</a:t>
              </a: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4" name="Gruppe 13"/>
            <p:cNvGrpSpPr/>
            <p:nvPr userDrawn="1"/>
          </p:nvGrpSpPr>
          <p:grpSpPr>
            <a:xfrm>
              <a:off x="-604365" y="3126445"/>
              <a:ext cx="457200" cy="209550"/>
              <a:chOff x="10615613" y="1808820"/>
              <a:chExt cx="457200" cy="209550"/>
            </a:xfrm>
          </p:grpSpPr>
          <p:pic>
            <p:nvPicPr>
              <p:cNvPr id="19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615613" y="1808820"/>
                <a:ext cx="457200" cy="2095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20" name="Rounded Rectangle 47"/>
              <p:cNvSpPr/>
              <p:nvPr/>
            </p:nvSpPr>
            <p:spPr>
              <a:xfrm>
                <a:off x="10844213" y="1808820"/>
                <a:ext cx="214312" cy="20637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</p:grpSp>
        <p:grpSp>
          <p:nvGrpSpPr>
            <p:cNvPr id="15" name="Gruppe 14"/>
            <p:cNvGrpSpPr/>
            <p:nvPr userDrawn="1"/>
          </p:nvGrpSpPr>
          <p:grpSpPr>
            <a:xfrm>
              <a:off x="-599603" y="3918533"/>
              <a:ext cx="438150" cy="209550"/>
              <a:chOff x="10620375" y="2651782"/>
              <a:chExt cx="438150" cy="209550"/>
            </a:xfrm>
          </p:grpSpPr>
          <p:pic>
            <p:nvPicPr>
              <p:cNvPr id="16" name="Picture 3"/>
              <p:cNvPicPr>
                <a:picLocks noChangeAspect="1" noChangeArrowheads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620375" y="2651782"/>
                <a:ext cx="438150" cy="2095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17" name="Rectangle 52"/>
              <p:cNvSpPr/>
              <p:nvPr/>
            </p:nvSpPr>
            <p:spPr>
              <a:xfrm>
                <a:off x="10839450" y="2651782"/>
                <a:ext cx="219075" cy="201613"/>
              </a:xfrm>
              <a:prstGeom prst="rect">
                <a:avLst/>
              </a:prstGeom>
              <a:solidFill>
                <a:srgbClr val="FFFFFF">
                  <a:alpha val="65882"/>
                </a:srgbClr>
              </a:solidFill>
              <a:ln w="3175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  <p:sp>
            <p:nvSpPr>
              <p:cNvPr id="18" name="Rounded Rectangle 53"/>
              <p:cNvSpPr/>
              <p:nvPr/>
            </p:nvSpPr>
            <p:spPr>
              <a:xfrm>
                <a:off x="10625138" y="2654957"/>
                <a:ext cx="214312" cy="20637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</p:grpSp>
      </p:grp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824567" y="2327275"/>
            <a:ext cx="9455151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1" name="Pladsholder til tekst 3"/>
          <p:cNvSpPr>
            <a:spLocks noGrp="1"/>
          </p:cNvSpPr>
          <p:nvPr>
            <p:ph type="body" sz="quarter" idx="14" hasCustomPrompt="1"/>
          </p:nvPr>
        </p:nvSpPr>
        <p:spPr>
          <a:xfrm>
            <a:off x="1828800" y="399192"/>
            <a:ext cx="9456000" cy="358444"/>
          </a:xfrm>
        </p:spPr>
        <p:txBody>
          <a:bodyPr/>
          <a:lstStyle>
            <a:lvl1pPr marL="0" indent="0">
              <a:buNone/>
              <a:defRPr lang="da-DK" sz="1200" b="1" kern="120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da-DK" dirty="0"/>
              <a:t>Evt. center/afdeling/enhed skrives her</a:t>
            </a:r>
          </a:p>
        </p:txBody>
      </p:sp>
      <p:sp>
        <p:nvSpPr>
          <p:cNvPr id="23" name="Tekstfelt 4"/>
          <p:cNvSpPr txBox="1"/>
          <p:nvPr userDrawn="1"/>
        </p:nvSpPr>
        <p:spPr>
          <a:xfrm>
            <a:off x="1828800" y="207098"/>
            <a:ext cx="3120347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egion Hovedstaden</a:t>
            </a:r>
          </a:p>
        </p:txBody>
      </p:sp>
    </p:spTree>
    <p:extLst>
      <p:ext uri="{BB962C8B-B14F-4D97-AF65-F5344CB8AC3E}">
        <p14:creationId xmlns:p14="http://schemas.microsoft.com/office/powerpoint/2010/main" val="295833645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824000" y="872716"/>
            <a:ext cx="9456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92BB9E-DD9D-447D-8DDD-F5F15FF27095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grpSp>
        <p:nvGrpSpPr>
          <p:cNvPr id="12" name="Gruppe 11"/>
          <p:cNvGrpSpPr/>
          <p:nvPr userDrawn="1"/>
        </p:nvGrpSpPr>
        <p:grpSpPr>
          <a:xfrm>
            <a:off x="-2640970" y="2393789"/>
            <a:ext cx="2444751" cy="2755626"/>
            <a:chOff x="-1980728" y="1411288"/>
            <a:chExt cx="1833563" cy="2755626"/>
          </a:xfrm>
        </p:grpSpPr>
        <p:sp>
          <p:nvSpPr>
            <p:cNvPr id="13" name="AutoShape 4"/>
            <p:cNvSpPr>
              <a:spLocks/>
            </p:cNvSpPr>
            <p:nvPr userDrawn="1"/>
          </p:nvSpPr>
          <p:spPr bwMode="gray">
            <a:xfrm>
              <a:off x="-1980728" y="1411288"/>
              <a:ext cx="1830388" cy="275562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>
              <a:spAutoFit/>
            </a:bodyPr>
            <a:lstStyle>
              <a:lvl1pPr defTabSz="457200" eaLnBrk="0" hangingPunct="0">
                <a:spcBef>
                  <a:spcPct val="20000"/>
                </a:spcBef>
                <a:buChar char="•"/>
                <a:tabLst>
                  <a:tab pos="177800" algn="l"/>
                </a:tabLst>
                <a:defRPr sz="3200">
                  <a:solidFill>
                    <a:schemeClr val="tx1"/>
                  </a:solidFill>
                  <a:latin typeface="Arial" charset="0"/>
                </a:defRPr>
              </a:lvl1pPr>
              <a:lvl2pPr marL="742950" indent="-285750" defTabSz="457200" eaLnBrk="0" hangingPunct="0">
                <a:spcBef>
                  <a:spcPct val="20000"/>
                </a:spcBef>
                <a:buChar char="–"/>
                <a:tabLst>
                  <a:tab pos="177800" algn="l"/>
                </a:tabLst>
                <a:defRPr sz="2800">
                  <a:solidFill>
                    <a:schemeClr val="tx1"/>
                  </a:solidFill>
                  <a:latin typeface="Arial" charset="0"/>
                </a:defRPr>
              </a:lvl2pPr>
              <a:lvl3pPr marL="1143000" indent="-228600" defTabSz="457200" eaLnBrk="0" hangingPunct="0">
                <a:spcBef>
                  <a:spcPct val="20000"/>
                </a:spcBef>
                <a:buChar char="•"/>
                <a:tabLst>
                  <a:tab pos="177800" algn="l"/>
                </a:tabLst>
                <a:defRPr sz="2400">
                  <a:solidFill>
                    <a:schemeClr val="tx1"/>
                  </a:solidFill>
                  <a:latin typeface="Arial" charset="0"/>
                </a:defRPr>
              </a:lvl3pPr>
              <a:lvl4pPr marL="1600200" indent="-228600" defTabSz="457200" eaLnBrk="0" hangingPunct="0">
                <a:spcBef>
                  <a:spcPct val="20000"/>
                </a:spcBef>
                <a:buChar char="–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4pPr>
              <a:lvl5pPr marL="2057400" indent="-228600" defTabSz="457200" eaLnBrk="0" hangingPunct="0">
                <a:spcBef>
                  <a:spcPct val="20000"/>
                </a:spcBef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5pPr>
              <a:lvl6pPr marL="25146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6pPr>
              <a:lvl7pPr marL="29718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7pPr>
              <a:lvl8pPr marL="34290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8pPr>
              <a:lvl9pPr marL="3886200" indent="-228600" defTabSz="4572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tabLst>
                  <a:tab pos="177800" algn="l"/>
                </a:tabLst>
                <a:defRPr sz="2000">
                  <a:solidFill>
                    <a:schemeClr val="tx1"/>
                  </a:solidFill>
                  <a:latin typeface="Arial" charset="0"/>
                </a:defRPr>
              </a:lvl9pPr>
            </a:lstStyle>
            <a:p>
              <a:pPr algn="r" eaLnBrk="1" hangingPunct="1">
                <a:spcBef>
                  <a:spcPct val="0"/>
                </a:spcBef>
                <a:spcAft>
                  <a:spcPts val="600"/>
                </a:spcAft>
                <a:buFontTx/>
                <a:buNone/>
                <a:defRPr/>
              </a:pP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Opstil teksten i punkter</a:t>
              </a: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Niveauer</a:t>
              </a:r>
            </a:p>
            <a:p>
              <a:pPr algn="r" eaLnBrk="1" hangingPunct="1"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1. Niveau = Bullets </a:t>
              </a:r>
              <a:r>
                <a:rPr lang="da-DK" altLang="da-DK" sz="900" i="1" baseline="0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22</a:t>
              </a: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2. Niveau = Bullets 22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3. Niveau = Bullets 20 pkt</a:t>
              </a:r>
            </a:p>
            <a:p>
              <a:pPr algn="r" eaLnBrk="1" hangingPunct="1">
                <a:spcBef>
                  <a:spcPct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4. Niveau = Bullets 18 pkt</a:t>
              </a:r>
              <a:b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5. – 9. Niveau = Bullets 16 - 10</a:t>
              </a:r>
              <a:r>
                <a:rPr lang="da-DK" altLang="da-DK" sz="900" i="1" baseline="0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 </a:t>
              </a:r>
              <a:r>
                <a:rPr lang="da-DK" altLang="da-DK" sz="900" i="1" noProof="1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pkt</a:t>
              </a: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 at få punktopstillet teksten (flere niveauer findes) brug </a:t>
              </a: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øg listeniveau</a:t>
              </a: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>
                <a:spcBef>
                  <a:spcPts val="0"/>
                </a:spcBef>
                <a:spcAft>
                  <a:spcPts val="240"/>
                </a:spcAft>
                <a:buFontTx/>
                <a:buNone/>
                <a:defRPr/>
              </a:pP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 at få venstrestillet teksten </a:t>
              </a:r>
              <a:b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</a:br>
              <a:r>
                <a:rPr lang="da-DK" sz="900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uden punktopstilling, brug </a:t>
              </a:r>
              <a:r>
                <a:rPr lang="da-DK" sz="900" b="1" dirty="0">
                  <a:solidFill>
                    <a:schemeClr val="bg1">
                      <a:lumMod val="50000"/>
                    </a:schemeClr>
                  </a:solidFill>
                  <a:latin typeface="Arial" panose="020B0604020202020204" pitchFamily="34" charset="0"/>
                  <a:ea typeface="Verdana" panose="020B0604030504040204" pitchFamily="34" charset="0"/>
                  <a:cs typeface="Arial" panose="020B0604020202020204" pitchFamily="34" charset="0"/>
                </a:rPr>
                <a:t>Formindsk listeniveau</a:t>
              </a:r>
            </a:p>
            <a:p>
              <a:pPr algn="r">
                <a:defRPr/>
              </a:pPr>
              <a:endParaRPr lang="da-DK" sz="900" dirty="0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  <a:p>
              <a:pPr algn="r" eaLnBrk="1" hangingPunct="1">
                <a:spcBef>
                  <a:spcPct val="0"/>
                </a:spcBef>
                <a:buFontTx/>
                <a:buNone/>
                <a:defRPr/>
              </a:pPr>
              <a:endParaRPr lang="da-DK" altLang="da-DK" sz="900" i="1" noProof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4" name="Gruppe 13"/>
            <p:cNvGrpSpPr/>
            <p:nvPr userDrawn="1"/>
          </p:nvGrpSpPr>
          <p:grpSpPr>
            <a:xfrm>
              <a:off x="-604365" y="3126445"/>
              <a:ext cx="457200" cy="209550"/>
              <a:chOff x="10615613" y="1808820"/>
              <a:chExt cx="457200" cy="209550"/>
            </a:xfrm>
          </p:grpSpPr>
          <p:pic>
            <p:nvPicPr>
              <p:cNvPr id="19" name="Picture 2"/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615613" y="1808820"/>
                <a:ext cx="457200" cy="2095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20" name="Rounded Rectangle 47"/>
              <p:cNvSpPr/>
              <p:nvPr/>
            </p:nvSpPr>
            <p:spPr>
              <a:xfrm>
                <a:off x="10844213" y="1808820"/>
                <a:ext cx="214312" cy="20637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</p:grpSp>
        <p:grpSp>
          <p:nvGrpSpPr>
            <p:cNvPr id="15" name="Gruppe 14"/>
            <p:cNvGrpSpPr/>
            <p:nvPr userDrawn="1"/>
          </p:nvGrpSpPr>
          <p:grpSpPr>
            <a:xfrm>
              <a:off x="-599603" y="3918533"/>
              <a:ext cx="438150" cy="209550"/>
              <a:chOff x="10620375" y="2651782"/>
              <a:chExt cx="438150" cy="209550"/>
            </a:xfrm>
          </p:grpSpPr>
          <p:pic>
            <p:nvPicPr>
              <p:cNvPr id="16" name="Picture 3"/>
              <p:cNvPicPr>
                <a:picLocks noChangeAspect="1" noChangeArrowheads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620375" y="2651782"/>
                <a:ext cx="438150" cy="2095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17" name="Rectangle 52"/>
              <p:cNvSpPr/>
              <p:nvPr/>
            </p:nvSpPr>
            <p:spPr>
              <a:xfrm>
                <a:off x="10839450" y="2651782"/>
                <a:ext cx="219075" cy="201613"/>
              </a:xfrm>
              <a:prstGeom prst="rect">
                <a:avLst/>
              </a:prstGeom>
              <a:solidFill>
                <a:srgbClr val="FFFFFF">
                  <a:alpha val="65882"/>
                </a:srgbClr>
              </a:solidFill>
              <a:ln w="3175"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  <p:sp>
            <p:nvSpPr>
              <p:cNvPr id="18" name="Rounded Rectangle 53"/>
              <p:cNvSpPr/>
              <p:nvPr/>
            </p:nvSpPr>
            <p:spPr>
              <a:xfrm>
                <a:off x="10625138" y="2654957"/>
                <a:ext cx="214312" cy="206375"/>
              </a:xfrm>
              <a:prstGeom prst="roundRect">
                <a:avLst/>
              </a:prstGeom>
              <a:noFill/>
              <a:ln w="12700">
                <a:solidFill>
                  <a:srgbClr val="C0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0" tIns="0" rIns="0" bIns="0" anchor="ctr"/>
              <a:lstStyle/>
              <a:p>
                <a:pPr algn="ctr">
                  <a:defRPr/>
                </a:pPr>
                <a:endParaRPr lang="da-DK" sz="2400" dirty="0"/>
              </a:p>
            </p:txBody>
          </p:sp>
        </p:grpSp>
      </p:grp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824567" y="2327275"/>
            <a:ext cx="9455151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1" name="Pladsholder til tekst 3"/>
          <p:cNvSpPr>
            <a:spLocks noGrp="1"/>
          </p:cNvSpPr>
          <p:nvPr>
            <p:ph type="body" sz="quarter" idx="14" hasCustomPrompt="1"/>
          </p:nvPr>
        </p:nvSpPr>
        <p:spPr>
          <a:xfrm>
            <a:off x="1828800" y="399192"/>
            <a:ext cx="9456000" cy="358444"/>
          </a:xfrm>
        </p:spPr>
        <p:txBody>
          <a:bodyPr/>
          <a:lstStyle>
            <a:lvl1pPr marL="0" indent="0">
              <a:buNone/>
              <a:defRPr lang="da-DK" sz="1200" b="1" kern="120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da-DK" dirty="0"/>
              <a:t>Evt. center/afdeling/enhed skrives her</a:t>
            </a:r>
          </a:p>
        </p:txBody>
      </p:sp>
      <p:sp>
        <p:nvSpPr>
          <p:cNvPr id="23" name="Tekstfelt 4"/>
          <p:cNvSpPr txBox="1"/>
          <p:nvPr userDrawn="1"/>
        </p:nvSpPr>
        <p:spPr>
          <a:xfrm>
            <a:off x="1828800" y="207098"/>
            <a:ext cx="3120347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egion Hovedstaden</a:t>
            </a:r>
          </a:p>
        </p:txBody>
      </p:sp>
    </p:spTree>
    <p:extLst>
      <p:ext uri="{BB962C8B-B14F-4D97-AF65-F5344CB8AC3E}">
        <p14:creationId xmlns:p14="http://schemas.microsoft.com/office/powerpoint/2010/main" val="5716333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824000" y="872716"/>
            <a:ext cx="9456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824567" y="2327275"/>
            <a:ext cx="9455151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4ADA2A9-9BC6-47B0-A865-EF1261DCA06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C08B57A-19C2-4A39-B19B-0FE00EBEECA1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54D1B3A5-D482-4510-80B7-5330A2D6FD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82AE145-3F35-4BA1-87F1-2A47FE42DA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02ecec92-8b17-41a6-abd8-1b22d78bc39c&quot;}}" title="UserProfile.Office.Virksomhed_{{DocumentLanguage}}">
            <a:extLst>
              <a:ext uri="{FF2B5EF4-FFF2-40B4-BE49-F238E27FC236}">
                <a16:creationId xmlns:a16="http://schemas.microsoft.com/office/drawing/2014/main" id="{5E3F7B64-D3F3-42E8-B024-A956725844E9}"/>
              </a:ext>
            </a:extLst>
          </p:cNvPr>
          <p:cNvSpPr txBox="1"/>
          <p:nvPr userDrawn="1"/>
        </p:nvSpPr>
        <p:spPr>
          <a:xfrm>
            <a:off x="1828799" y="207098"/>
            <a:ext cx="4298948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2" name="text" descr="{&quot;templafy&quot;:{&quot;id&quot;:&quot;21a46430-d9a4-4434-a667-403157dd85d3&quot;}}" hidden="1" title="UserProfile.CenterFreeText">
            <a:extLst>
              <a:ext uri="{FF2B5EF4-FFF2-40B4-BE49-F238E27FC236}">
                <a16:creationId xmlns:a16="http://schemas.microsoft.com/office/drawing/2014/main" id="{987E2A3D-4ED6-4117-838B-6FFA0E94F08F}"/>
              </a:ext>
            </a:extLst>
          </p:cNvPr>
          <p:cNvSpPr txBox="1">
            <a:spLocks/>
          </p:cNvSpPr>
          <p:nvPr userDrawn="1"/>
        </p:nvSpPr>
        <p:spPr>
          <a:xfrm>
            <a:off x="1828801" y="399192"/>
            <a:ext cx="4409017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2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d187b04f-cdbc-460f-b33b-86eeeb19ba64&quot;}}" title="UserProfile.Centers.Center_{{DocumentLanguage}}">
            <a:extLst>
              <a:ext uri="{FF2B5EF4-FFF2-40B4-BE49-F238E27FC236}">
                <a16:creationId xmlns:a16="http://schemas.microsoft.com/office/drawing/2014/main" id="{D0E666FF-F4BB-4C7C-9723-279A55F747BF}"/>
              </a:ext>
            </a:extLst>
          </p:cNvPr>
          <p:cNvSpPr txBox="1">
            <a:spLocks/>
          </p:cNvSpPr>
          <p:nvPr userDrawn="1"/>
        </p:nvSpPr>
        <p:spPr>
          <a:xfrm>
            <a:off x="1828801" y="399192"/>
            <a:ext cx="4409017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2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pic>
        <p:nvPicPr>
          <p:cNvPr id="2121811117" name="image" descr="{&quot;templafy&quot;:{&quot;id&quot;:&quot;186d543f-190d-4868-9f3b-9f76adaadb98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673600" y="6314400"/>
            <a:ext cx="1766400" cy="421200"/>
          </a:xfrm>
          <a:prstGeom prst="rect">
            <a:avLst/>
          </a:prstGeom>
        </p:spPr>
      </p:pic>
      <p:sp>
        <p:nvSpPr>
          <p:cNvPr id="18" name="text" descr="{&quot;templafy&quot;:{&quot;id&quot;:&quot;07ca02dd-d3a0-4460-85b7-d18655c8ee3a&quot;}}" title="Form.PresentationTitle">
            <a:extLst>
              <a:ext uri="{FF2B5EF4-FFF2-40B4-BE49-F238E27FC236}">
                <a16:creationId xmlns:a16="http://schemas.microsoft.com/office/drawing/2014/main" id="{21CB7EEE-0E03-459A-A56D-3CA27671FFBA}"/>
              </a:ext>
            </a:extLst>
          </p:cNvPr>
          <p:cNvSpPr txBox="1"/>
          <p:nvPr userDrawn="1"/>
        </p:nvSpPr>
        <p:spPr>
          <a:xfrm>
            <a:off x="1828800" y="6290559"/>
            <a:ext cx="33072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16faee6e-94cb-48d1-9d4e-cec3b529e7d0&quot;}}" title="UserProfile.Name">
            <a:extLst>
              <a:ext uri="{FF2B5EF4-FFF2-40B4-BE49-F238E27FC236}">
                <a16:creationId xmlns:a16="http://schemas.microsoft.com/office/drawing/2014/main" id="{484EEFE0-287B-4533-9990-DDDD92894A03}"/>
              </a:ext>
            </a:extLst>
          </p:cNvPr>
          <p:cNvSpPr txBox="1"/>
          <p:nvPr userDrawn="1"/>
        </p:nvSpPr>
        <p:spPr>
          <a:xfrm>
            <a:off x="7891200" y="6289200"/>
            <a:ext cx="30672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Henrik Haastrup</a:t>
            </a:r>
          </a:p>
        </p:txBody>
      </p:sp>
      <p:pic>
        <p:nvPicPr>
          <p:cNvPr id="1289440124" name="image" descr="{&quot;templafy&quot;:{&quot;id&quot;:&quot;e4d1b7a8-0a52-498a-b698-8ad86e444007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0" y="6174197"/>
            <a:ext cx="912000" cy="684000"/>
          </a:xfrm>
          <a:prstGeom prst="rect">
            <a:avLst/>
          </a:prstGeom>
        </p:spPr>
      </p:pic>
      <p:pic>
        <p:nvPicPr>
          <p:cNvPr id="1514367015" name="image" descr="{&quot;templafy&quot;:{&quot;id&quot;:&quot;c30b85da-c814-4ba8-b91d-e479aa24ef9b&quot;}}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609600" y="5718575"/>
            <a:ext cx="9168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AD0B27AB-799F-434F-9F13-75CF3B5AA45C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977" y="5763982"/>
            <a:ext cx="155223" cy="594784"/>
          </a:xfrm>
          <a:prstGeom prst="rect">
            <a:avLst/>
          </a:prstGeom>
        </p:spPr>
      </p:pic>
      <p:pic>
        <p:nvPicPr>
          <p:cNvPr id="1339190278" name="image" descr="{&quot;templafy&quot;:{&quot;id&quot;:&quot;e79d1b2b-8f1e-4800-86d4-b34ce8c91cc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0699683" y="872704"/>
            <a:ext cx="1161600" cy="900000"/>
          </a:xfrm>
          <a:prstGeom prst="rect">
            <a:avLst/>
          </a:prstGeom>
        </p:spPr>
      </p:pic>
      <p:pic>
        <p:nvPicPr>
          <p:cNvPr id="484146379" name="image" descr="{&quot;templafy&quot;:{&quot;id&quot;:&quot;8ef6cf06-061b-464e-b100-ed2f07a7993b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10702979" y="260648"/>
            <a:ext cx="1161600" cy="900000"/>
          </a:xfrm>
          <a:prstGeom prst="rect">
            <a:avLst/>
          </a:prstGeom>
        </p:spPr>
      </p:pic>
      <p:pic>
        <p:nvPicPr>
          <p:cNvPr id="1361785500" name="image" descr="{&quot;templafy&quot;:{&quot;id&quot;:&quot;8465974a-1885-4f9f-9f61-3c6226c2bac0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628800" y="50400"/>
            <a:ext cx="5568000" cy="619200"/>
          </a:xfrm>
          <a:prstGeom prst="rect">
            <a:avLst/>
          </a:prstGeom>
        </p:spPr>
      </p:pic>
      <p:sp>
        <p:nvSpPr>
          <p:cNvPr id="26" name="text" descr="{&quot;templafy&quot;:{&quot;id&quot;:&quot;85ce0ff9-7556-4760-885d-2205aa2e8560&quot;}}" title="Form.Manuel_dato">
            <a:extLst>
              <a:ext uri="{FF2B5EF4-FFF2-40B4-BE49-F238E27FC236}">
                <a16:creationId xmlns:a16="http://schemas.microsoft.com/office/drawing/2014/main" id="{6505CD19-679C-44FA-B3AA-4C18E9991E23}"/>
              </a:ext>
            </a:extLst>
          </p:cNvPr>
          <p:cNvSpPr txBox="1"/>
          <p:nvPr userDrawn="1"/>
        </p:nvSpPr>
        <p:spPr>
          <a:xfrm>
            <a:off x="7891200" y="6289200"/>
            <a:ext cx="30672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173287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8F7231-4177-4CEB-A50C-8DFE6F4CE16F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5" name="Pladsholder til tekst 3"/>
          <p:cNvSpPr>
            <a:spLocks noGrp="1"/>
          </p:cNvSpPr>
          <p:nvPr>
            <p:ph type="body" sz="quarter" idx="13" hasCustomPrompt="1"/>
          </p:nvPr>
        </p:nvSpPr>
        <p:spPr>
          <a:xfrm>
            <a:off x="1828800" y="399192"/>
            <a:ext cx="9456000" cy="358444"/>
          </a:xfrm>
        </p:spPr>
        <p:txBody>
          <a:bodyPr/>
          <a:lstStyle>
            <a:lvl1pPr marL="0" indent="0">
              <a:buNone/>
              <a:defRPr lang="da-DK" sz="1200" b="1" kern="120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da-DK" dirty="0"/>
              <a:t>Evt. center/afdeling/enhed skrives her</a:t>
            </a:r>
          </a:p>
        </p:txBody>
      </p:sp>
      <p:sp>
        <p:nvSpPr>
          <p:cNvPr id="6" name="Tekstfelt 4"/>
          <p:cNvSpPr txBox="1"/>
          <p:nvPr userDrawn="1"/>
        </p:nvSpPr>
        <p:spPr>
          <a:xfrm>
            <a:off x="1828800" y="207098"/>
            <a:ext cx="3120347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egion Hovedstaden</a:t>
            </a:r>
          </a:p>
        </p:txBody>
      </p:sp>
    </p:spTree>
    <p:extLst>
      <p:ext uri="{BB962C8B-B14F-4D97-AF65-F5344CB8AC3E}">
        <p14:creationId xmlns:p14="http://schemas.microsoft.com/office/powerpoint/2010/main" val="12667831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db07c32d-24f1-4002-a037-3bd914db5a29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7" name="text" descr="{&quot;templafy&quot;:{&quot;id&quot;:&quot;266523ca-ffa1-4851-9697-d05e40013689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11b8ba0b-4c04-4f96-9a25-17bd5c93a477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9" name="text" descr="{&quot;templafy&quot;:{&quot;id&quot;:&quot;5a99a45a-8485-4cae-9110-0292550e78b1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467025947" name="image" descr="{&quot;templafy&quot;:{&quot;id&quot;:&quot;b0c91e13-1cf8-43e1-b9bc-833b453cc2da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075715779" name="image" descr="{&quot;templafy&quot;:{&quot;id&quot;:&quot;1596df42-3085-4024-8eca-e19b32bfc2d7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08232383" name="image" descr="{&quot;templafy&quot;:{&quot;id&quot;:&quot;60829de6-0ab4-4798-86ec-f474796c6bdd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51507725" name="image" descr="{&quot;templafy&quot;:{&quot;id&quot;:&quot;1351482e-6ac5-4574-b5d4-cf417ba45977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57513769" name="image" descr="{&quot;templafy&quot;:{&quot;id&quot;:&quot;1e4cebfe-cb89-40d3-bb71-1e839f2f0580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570571302" name="image" descr="{&quot;templafy&quot;:{&quot;id&quot;:&quot;4523421e-8b24-4069-b54d-95237060ca50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2" name="text" descr="{&quot;templafy&quot;:{&quot;id&quot;:&quot;8cefd059-e7cb-4cb1-95bb-59a4a5d3f4af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3" name="text" descr="{&quot;templafy&quot;:{&quot;id&quot;:&quot;c121393a-469e-4ba4-8dec-025651729587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F303762-8454-4388-ABD2-AF56C94C537D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7c1be719-09be-4796-b7c0-14431d6738aa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1" name="text" descr="{&quot;templafy&quot;:{&quot;id&quot;:&quot;32d41336-5da8-431f-96ad-74104790daaa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028e551b-eb00-4c59-85e9-5d9eece3b782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3" name="text" descr="{&quot;templafy&quot;:{&quot;id&quot;:&quot;095c917d-ce48-4015-8dc2-5bfcc71a1a44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42166001" name="image" descr="{&quot;templafy&quot;:{&quot;id&quot;:&quot;42b598c5-8aee-4b12-b6a7-c59e2666f40b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80171495" name="image" descr="{&quot;templafy&quot;:{&quot;id&quot;:&quot;4cbd8abc-8546-4d0f-baba-432164c99246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10849045" name="image" descr="{&quot;templafy&quot;:{&quot;id&quot;:&quot;12d00437-7920-4161-86d4-e1e1e1a860ae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89906015" name="image" descr="{&quot;templafy&quot;:{&quot;id&quot;:&quot;65190387-a5a9-4438-a1e1-93d92d6043b9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42374933" name="image" descr="{&quot;templafy&quot;:{&quot;id&quot;:&quot;2e6fad86-1c9e-46e7-9b96-191ad89b51ba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1662292563" name="image" descr="{&quot;templafy&quot;:{&quot;id&quot;:&quot;801c0a20-061a-4a78-8ef1-d6316f57d2a7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864f737d-791d-4cf5-8061-56e6c62d4c57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7" name="text" descr="{&quot;templafy&quot;:{&quot;id&quot;:&quot;73e7a606-8e95-49ce-96d6-e29e00654138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A7B0E8D1-448E-4CBB-B31F-5E4FA12D3A62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223c314b-e880-451b-84c9-bf35ddf4471d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d9d785fb-cc84-4238-be30-9ed4341fecae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ec97fc0a-17e9-4e31-9181-dfda926a4eb4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3" name="text" descr="{&quot;templafy&quot;:{&quot;id&quot;:&quot;c5a0c7e2-bf17-400e-9455-2dbfd43caac5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40277743" name="image" descr="{&quot;templafy&quot;:{&quot;id&quot;:&quot;e85ba65c-d385-4123-b717-f03e33d6f0e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40147895" name="image" descr="{&quot;templafy&quot;:{&quot;id&quot;:&quot;70beeaba-b37e-4c34-a642-7ea51935ae16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61673883" name="image" descr="{&quot;templafy&quot;:{&quot;id&quot;:&quot;332c1236-97e9-4677-a15b-647e8adb7f14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841080433" name="image" descr="{&quot;templafy&quot;:{&quot;id&quot;:&quot;09c71954-5c35-4d8b-85af-6c32e4295268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97430023" name="image" descr="{&quot;templafy&quot;:{&quot;id&quot;:&quot;14f24d40-bcce-4c16-8f15-15f4e7950825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72259272" name="image" descr="{&quot;templafy&quot;:{&quot;id&quot;:&quot;8918fe27-e126-41f3-aa57-2ef18c83f333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aff8aabe-8869-44d9-946a-db7bd0410929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6" name="text" descr="{&quot;templafy&quot;:{&quot;id&quot;:&quot;b2db1f8d-4ad5-4927-8c57-44c8a585281d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4B5A8985-7C87-4368-A878-D14C31EB3F76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f8668298-2d16-4559-a080-a21eaf7916c4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9" name="text" descr="{&quot;templafy&quot;:{&quot;id&quot;:&quot;5bbd5f43-ebed-4018-9b29-cd58899270a9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f560bfc0-57fa-462e-94fb-f85ed774f389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2" name="text" descr="{&quot;templafy&quot;:{&quot;id&quot;:&quot;8339a50e-92bc-46da-bb58-6633a2644e3a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03700121" name="image" descr="{&quot;templafy&quot;:{&quot;id&quot;:&quot;d99507ce-1c73-4601-adcf-1acfdfc513c0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214521251" name="image" descr="{&quot;templafy&quot;:{&quot;id&quot;:&quot;9be4ffb7-e5aa-429d-80ef-cb23a8e64ef5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30888632" name="image" descr="{&quot;templafy&quot;:{&quot;id&quot;:&quot;9fd55835-2f56-436d-844c-3795893d7723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00017319" name="image" descr="{&quot;templafy&quot;:{&quot;id&quot;:&quot;67442dbf-2960-48d4-a629-0ca694f20600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66697050" name="image" descr="{&quot;templafy&quot;:{&quot;id&quot;:&quot;58fe33b1-9a3b-4e43-816a-ee292a53a4d0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604332478" name="image" descr="{&quot;templafy&quot;:{&quot;id&quot;:&quot;ba6c211f-cd9d-42a7-afb1-f4e3420f354c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1d730888-4a4c-42ff-8fe5-ab4d328289fb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6" name="text" descr="{&quot;templafy&quot;:{&quot;id&quot;:&quot;342433dc-2770-4922-8998-548bdda81446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0FCB632B-5440-4AA4-B7CA-D103A5631A17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646538a5-90c4-469e-a401-49e6dae660a3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e79e4276-449c-4c0e-a07d-aa71e7b69a5c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1bb6f7ee-2995-4b95-8d16-eb4662cd843c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4" name="text" descr="{&quot;templafy&quot;:{&quot;id&quot;:&quot;a9e663ae-a410-4380-8db5-04e3d0e1fab9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11697134" name="image" descr="{&quot;templafy&quot;:{&quot;id&quot;:&quot;7499fd26-4a65-48cf-a291-6b91f774c5a2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513795519" name="image" descr="{&quot;templafy&quot;:{&quot;id&quot;:&quot;f2f4b97a-bf96-4053-9089-36853f15754c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43747813" name="image" descr="{&quot;templafy&quot;:{&quot;id&quot;:&quot;b2d498df-7932-45b8-914c-d86b2d1dbb16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9195109" name="image" descr="{&quot;templafy&quot;:{&quot;id&quot;:&quot;7f1cb2d9-c886-47fa-ad12-4fc881420eb9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95986242" name="image" descr="{&quot;templafy&quot;:{&quot;id&quot;:&quot;6ec4f1f0-3e92-4fe0-bf82-18603706fcc6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471006311" name="image" descr="{&quot;templafy&quot;:{&quot;id&quot;:&quot;087a42d3-529b-4b03-96e0-da778bb20d57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8" name="text" descr="{&quot;templafy&quot;:{&quot;id&quot;:&quot;86fa82ad-eb99-4988-b77f-f0f2655029b7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9" name="text" descr="{&quot;templafy&quot;:{&quot;id&quot;:&quot;e5e7ee6c-8355-406a-926c-bc75aff0de96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8DEDCF9D-A5FB-494B-B30D-C6709931B950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184a409f-ad9a-4236-9e6b-652bea6a4b6f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9fd6e275-4cbe-46c2-83b3-700c70ac0006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f8e66d26-c5f8-4c50-b73d-b098b9cbca01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2" name="text" descr="{&quot;templafy&quot;:{&quot;id&quot;:&quot;42f97e03-7af1-49ee-ae37-a3bd97ddaed1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27681963" name="image" descr="{&quot;templafy&quot;:{&quot;id&quot;:&quot;2cd51568-c8ee-4671-8da1-2d1a105a063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52494474" name="image" descr="{&quot;templafy&quot;:{&quot;id&quot;:&quot;7f1472ce-d4dc-4f1e-bf90-0d3f64026685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678396041" name="image" descr="{&quot;templafy&quot;:{&quot;id&quot;:&quot;306f506d-3166-4d86-aa01-41d0a66388f6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689225475" name="image" descr="{&quot;templafy&quot;:{&quot;id&quot;:&quot;7a035f18-2152-4433-a5f8-fd2c31e1edd1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59190764" name="image" descr="{&quot;templafy&quot;:{&quot;id&quot;:&quot;7455a422-ffeb-48ba-89a0-8ff004dcc59c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666677762" name="image" descr="{&quot;templafy&quot;:{&quot;id&quot;:&quot;2787c193-6bd8-45f3-8d02-555b071877ab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5" name="text" descr="{&quot;templafy&quot;:{&quot;id&quot;:&quot;43bcbb68-5e74-4ba5-90f7-d26fbfff4dd6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6" name="text" descr="{&quot;templafy&quot;:{&quot;id&quot;:&quot;643cc46f-af6d-4b3b-ae87-555d4282f909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B00935A7-D43D-4F20-933A-702825CAA9E6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335f8fed-3d2a-43e3-9ce1-acfe63440e56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62d0bf2d-178f-41a0-ba76-1bb813ddfe0f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5dd4c2c3-fc50-47d4-90fe-b105948f049d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2" name="text" descr="{&quot;templafy&quot;:{&quot;id&quot;:&quot;d38fc199-9b5b-4232-9d3a-82a0023aacb3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75868289" name="image" descr="{&quot;templafy&quot;:{&quot;id&quot;:&quot;cd555220-2fab-4396-9d1c-021e510023e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71984410" name="image" descr="{&quot;templafy&quot;:{&quot;id&quot;:&quot;ced7a07a-2972-4eb7-b8e2-e753a6ec079c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145472082" name="image" descr="{&quot;templafy&quot;:{&quot;id&quot;:&quot;69551888-fc08-4169-b0ef-1a7128035295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729309008" name="image" descr="{&quot;templafy&quot;:{&quot;id&quot;:&quot;c1096079-6c75-4d0b-a78f-41a32cb3b71e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94777032" name="image" descr="{&quot;templafy&quot;:{&quot;id&quot;:&quot;6dbfec8b-69b2-48dd-b5e3-8880caf3e298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346157917" name="image" descr="{&quot;templafy&quot;:{&quot;id&quot;:&quot;a9a47aeb-e398-4216-b90b-125a1e85c035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6" name="text" descr="{&quot;templafy&quot;:{&quot;id&quot;:&quot;64947f1a-34cb-4b32-966c-afa89d5e4fa3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7" name="text" descr="{&quot;templafy&quot;:{&quot;id&quot;:&quot;8c70be49-c093-488c-a4ff-f2381ef3b094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25E8034C-9946-4E53-A54B-0220F443C71A}" type="datetime1">
              <a:rPr lang="da-DK" smtClean="0"/>
              <a:t>16-09-201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9977ea90-a306-4a96-b7f2-8839ef53b8d4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5" name="text" descr="{&quot;templafy&quot;:{&quot;id&quot;:&quot;751e750c-6182-4a2d-bd6f-b11b317f4934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3c2a412b-b8aa-4be1-a7b1-f23a7d871920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It, Medico og Telefoni</a:t>
            </a:r>
          </a:p>
        </p:txBody>
      </p:sp>
      <p:sp>
        <p:nvSpPr>
          <p:cNvPr id="18" name="text" descr="{&quot;templafy&quot;:{&quot;id&quot;:&quot;6bc3bc75-d056-4e4c-8d4e-9ef96b8546ab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92435044" name="image" descr="{&quot;templafy&quot;:{&quot;id&quot;:&quot;6708965e-0306-4611-b03a-e041ab30fe64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08100039" name="image" descr="{&quot;templafy&quot;:{&quot;id&quot;:&quot;b1faeb58-c335-4768-a882-feb27d8997c1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26254207" name="image" descr="{&quot;templafy&quot;:{&quot;id&quot;:&quot;d44cab51-721b-4c36-a2cd-7b0185072f71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78210533" name="image" descr="{&quot;templafy&quot;:{&quot;id&quot;:&quot;6433ce9e-14dd-4616-a19d-49981f841c31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26286680" name="image" descr="{&quot;templafy&quot;:{&quot;id&quot;:&quot;8ffc705a-5f4c-46da-a7dc-b00cf3803b86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pic>
        <p:nvPicPr>
          <p:cNvPr id="2088280987" name="image" descr="{&quot;templafy&quot;:{&quot;id&quot;:&quot;b1fb5a61-5669-49e1-8587-ad8755cf27c2&quot;}}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16000" y="50400"/>
            <a:ext cx="4176000" cy="619200"/>
          </a:xfrm>
          <a:prstGeom prst="rect">
            <a:avLst/>
          </a:prstGeom>
        </p:spPr>
      </p:pic>
      <p:sp>
        <p:nvSpPr>
          <p:cNvPr id="20" name="text" descr="{&quot;templafy&quot;:{&quot;id&quot;:&quot;a21fa079-b7ba-4ebe-b87e-da4ad2226915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Haastrup</a:t>
            </a:r>
          </a:p>
        </p:txBody>
      </p:sp>
      <p:sp>
        <p:nvSpPr>
          <p:cNvPr id="21" name="text" descr="{&quot;templafy&quot;:{&quot;id&quot;:&quot;7ae0b680-25b5-4e70-959a-53b8b54258b1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8895ae40-36ac-4cae-b1cc-d0b130e41a76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r>
              <a:rPr lang="en-GB"/>
              <a:t>Henrik Haastrup og Pernille Gotthard Kristiansen</a:t>
            </a:r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fld id="{65D390EF-B986-4FEB-AFCC-23601E06E76D}" type="datetime1">
              <a:rPr lang="da-DK" smtClean="0"/>
              <a:t>16-09-201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68" r:id="rId8"/>
    <p:sldLayoutId id="2147483669" r:id="rId9"/>
    <p:sldLayoutId id="2147483658" r:id="rId10"/>
    <p:sldLayoutId id="2147483655" r:id="rId11"/>
    <p:sldLayoutId id="2147483663" r:id="rId12"/>
    <p:sldLayoutId id="2147483667" r:id="rId13"/>
    <p:sldLayoutId id="2147483670" r:id="rId14"/>
    <p:sldLayoutId id="2147483672" r:id="rId15"/>
    <p:sldLayoutId id="2147483673" r:id="rId16"/>
    <p:sldLayoutId id="2147483674" r:id="rId17"/>
    <p:sldLayoutId id="2147483675" r:id="rId18"/>
  </p:sldLayoutIdLst>
  <p:hf sldNum="0" hdr="0" dt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7.xml"/><Relationship Id="rId6" Type="http://schemas.openxmlformats.org/officeDocument/2006/relationships/chart" Target="../charts/chart1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mailto:henrik.haastrup@regionh.dk" TargetMode="External"/><Relationship Id="rId2" Type="http://schemas.openxmlformats.org/officeDocument/2006/relationships/hyperlink" Target="mailto:pernille.gotthard.kristiansen@regionh.dk" TargetMode="External"/><Relationship Id="rId1" Type="http://schemas.openxmlformats.org/officeDocument/2006/relationships/slideLayout" Target="../slideLayouts/slideLayout1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8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35660" y="1268761"/>
            <a:ext cx="7103416" cy="3995671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240288" y="2620010"/>
            <a:ext cx="6402625" cy="1981738"/>
          </a:xfrm>
        </p:spPr>
        <p:txBody>
          <a:bodyPr/>
          <a:lstStyle/>
          <a:p>
            <a:pPr algn="ctr"/>
            <a:r>
              <a:rPr lang="da-DK" dirty="0"/>
              <a:t>A-Z gennemgang af </a:t>
            </a:r>
            <a:r>
              <a:rPr lang="da-DK" dirty="0" err="1"/>
              <a:t>forberedelseprocessen</a:t>
            </a:r>
            <a:r>
              <a:rPr lang="da-DK" dirty="0"/>
              <a:t> for IT-flytninger foranlediget af store byggeri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pPr algn="ctr"/>
            <a:r>
              <a:rPr lang="da-DK" dirty="0"/>
              <a:t>Netværksdage</a:t>
            </a:r>
          </a:p>
          <a:p>
            <a:pPr algn="ctr"/>
            <a:r>
              <a:rPr lang="da-DK" dirty="0"/>
              <a:t>Godt Sygehusbyggeri 2019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Center for IT, Medico og Telefoni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D58C8AC-1D24-4022-A0BB-986B53C93F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771285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BCA4CB2-76B8-46BE-AE21-01C256F74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620688"/>
            <a:ext cx="7092000" cy="1512167"/>
          </a:xfrm>
        </p:spPr>
        <p:txBody>
          <a:bodyPr/>
          <a:lstStyle/>
          <a:p>
            <a:pPr algn="ctr"/>
            <a:r>
              <a:rPr lang="da-DK" sz="3400" dirty="0"/>
              <a:t>GAP-analys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BB63E4-640E-406D-B669-7822DA463C4C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132855"/>
            <a:ext cx="10136614" cy="3355134"/>
          </a:xfrm>
        </p:spPr>
        <p:txBody>
          <a:bodyPr/>
          <a:lstStyle/>
          <a:p>
            <a:endParaRPr lang="da-DK" dirty="0"/>
          </a:p>
          <a:p>
            <a:r>
              <a:rPr lang="da-DK" sz="2800" b="1" dirty="0"/>
              <a:t>AS-IS vs. TO-BE           GAP </a:t>
            </a:r>
          </a:p>
          <a:p>
            <a:endParaRPr lang="da-DK" sz="2800" b="1" dirty="0"/>
          </a:p>
          <a:p>
            <a:r>
              <a:rPr lang="da-DK" sz="2800" b="1" dirty="0"/>
              <a:t>Formål: Afklaring af IT-bestykning, definere evt. indkøbsbehov, økonomisk afklaring, omfordeling af udstyr ml. afdelinger </a:t>
            </a:r>
          </a:p>
        </p:txBody>
      </p:sp>
      <p:sp>
        <p:nvSpPr>
          <p:cNvPr id="7" name="Pil: højre 6">
            <a:extLst>
              <a:ext uri="{FF2B5EF4-FFF2-40B4-BE49-F238E27FC236}">
                <a16:creationId xmlns:a16="http://schemas.microsoft.com/office/drawing/2014/main" id="{D12C5EAD-730B-4BEA-9AA3-007C4C8CABF1}"/>
              </a:ext>
            </a:extLst>
          </p:cNvPr>
          <p:cNvSpPr/>
          <p:nvPr/>
        </p:nvSpPr>
        <p:spPr>
          <a:xfrm>
            <a:off x="4655840" y="2636910"/>
            <a:ext cx="504056" cy="484632"/>
          </a:xfrm>
          <a:prstGeom prst="rightArrow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graphicFrame>
        <p:nvGraphicFramePr>
          <p:cNvPr id="8" name="Pladsholder til indhold 6">
            <a:extLst>
              <a:ext uri="{FF2B5EF4-FFF2-40B4-BE49-F238E27FC236}">
                <a16:creationId xmlns:a16="http://schemas.microsoft.com/office/drawing/2014/main" id="{E394E936-87D9-41A3-B76D-87BCDF9C3672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9" name="Rektangel 8">
            <a:extLst>
              <a:ext uri="{FF2B5EF4-FFF2-40B4-BE49-F238E27FC236}">
                <a16:creationId xmlns:a16="http://schemas.microsoft.com/office/drawing/2014/main" id="{E3CE1BBE-3569-4DDC-91BB-52D9BADCB509}"/>
              </a:ext>
            </a:extLst>
          </p:cNvPr>
          <p:cNvSpPr/>
          <p:nvPr/>
        </p:nvSpPr>
        <p:spPr>
          <a:xfrm>
            <a:off x="9192344" y="404664"/>
            <a:ext cx="504056" cy="360040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sidefod 3">
            <a:extLst>
              <a:ext uri="{FF2B5EF4-FFF2-40B4-BE49-F238E27FC236}">
                <a16:creationId xmlns:a16="http://schemas.microsoft.com/office/drawing/2014/main" id="{935AE32E-D67C-4415-857A-C4B62A257774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30926071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ADC653-7BA1-4A5C-8928-208231790D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426" y="548681"/>
            <a:ext cx="7091363" cy="1014515"/>
          </a:xfrm>
        </p:spPr>
        <p:txBody>
          <a:bodyPr/>
          <a:lstStyle/>
          <a:p>
            <a:pPr algn="ctr"/>
            <a:r>
              <a:rPr lang="da-DK" sz="3200" dirty="0" err="1"/>
              <a:t>Pre</a:t>
            </a:r>
            <a:r>
              <a:rPr lang="da-DK" sz="3200" dirty="0"/>
              <a:t>-etablering</a:t>
            </a:r>
            <a:r>
              <a:rPr lang="da-DK" dirty="0"/>
              <a:t>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E4A746C-8D25-484D-81BE-F463021C23A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892426" y="1844825"/>
            <a:ext cx="7091363" cy="4377645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Case-eksempel Nordfløjen:</a:t>
            </a:r>
          </a:p>
          <a:p>
            <a:r>
              <a:rPr lang="da-DK" dirty="0"/>
              <a:t> Kritiske faciliteter</a:t>
            </a:r>
          </a:p>
          <a:p>
            <a:pPr lvl="1"/>
            <a:r>
              <a:rPr lang="da-DK" sz="2200" dirty="0"/>
              <a:t>Operationsstuer, medicinrum, intensiv, nedetid ol.</a:t>
            </a:r>
          </a:p>
          <a:p>
            <a:r>
              <a:rPr lang="da-DK" dirty="0"/>
              <a:t> </a:t>
            </a:r>
            <a:r>
              <a:rPr lang="da-DK" dirty="0" err="1"/>
              <a:t>Pre</a:t>
            </a:r>
            <a:r>
              <a:rPr lang="da-DK" dirty="0"/>
              <a:t>-etablering af netværkskabler        Plug &amp; </a:t>
            </a:r>
            <a:r>
              <a:rPr lang="da-DK" dirty="0" err="1"/>
              <a:t>play</a:t>
            </a:r>
            <a:r>
              <a:rPr lang="da-DK" dirty="0"/>
              <a:t> </a:t>
            </a:r>
          </a:p>
          <a:p>
            <a:r>
              <a:rPr lang="da-DK" dirty="0"/>
              <a:t> Udskiftning af ældre PC</a:t>
            </a:r>
          </a:p>
          <a:p>
            <a:r>
              <a:rPr lang="da-DK" dirty="0"/>
              <a:t> Vægbeslag til monitorer</a:t>
            </a:r>
          </a:p>
          <a:p>
            <a:r>
              <a:rPr lang="da-DK" dirty="0"/>
              <a:t> PC-beslag under skrivebord, kabelbakker</a:t>
            </a:r>
          </a:p>
          <a:p>
            <a:r>
              <a:rPr lang="da-DK" dirty="0"/>
              <a:t> Proaktiv rengøring af IT-udstyr der skal flyttes</a:t>
            </a:r>
          </a:p>
        </p:txBody>
      </p:sp>
      <p:sp>
        <p:nvSpPr>
          <p:cNvPr id="7" name="Pil: højre 6">
            <a:extLst>
              <a:ext uri="{FF2B5EF4-FFF2-40B4-BE49-F238E27FC236}">
                <a16:creationId xmlns:a16="http://schemas.microsoft.com/office/drawing/2014/main" id="{554A0702-7D2A-40AB-B9E9-25A1F8A86525}"/>
              </a:ext>
            </a:extLst>
          </p:cNvPr>
          <p:cNvSpPr/>
          <p:nvPr/>
        </p:nvSpPr>
        <p:spPr>
          <a:xfrm>
            <a:off x="7392144" y="3186684"/>
            <a:ext cx="432048" cy="484632"/>
          </a:xfrm>
          <a:prstGeom prst="rightArrow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graphicFrame>
        <p:nvGraphicFramePr>
          <p:cNvPr id="8" name="Pladsholder til indhold 6">
            <a:extLst>
              <a:ext uri="{FF2B5EF4-FFF2-40B4-BE49-F238E27FC236}">
                <a16:creationId xmlns:a16="http://schemas.microsoft.com/office/drawing/2014/main" id="{A855961C-5948-4DC9-976C-068C812B671A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9" name="Rektangel 8">
            <a:extLst>
              <a:ext uri="{FF2B5EF4-FFF2-40B4-BE49-F238E27FC236}">
                <a16:creationId xmlns:a16="http://schemas.microsoft.com/office/drawing/2014/main" id="{B032D77A-09DB-4333-8110-65068C293CCD}"/>
              </a:ext>
            </a:extLst>
          </p:cNvPr>
          <p:cNvSpPr/>
          <p:nvPr/>
        </p:nvSpPr>
        <p:spPr>
          <a:xfrm>
            <a:off x="9192344" y="808892"/>
            <a:ext cx="504056" cy="387860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sidefod 3">
            <a:extLst>
              <a:ext uri="{FF2B5EF4-FFF2-40B4-BE49-F238E27FC236}">
                <a16:creationId xmlns:a16="http://schemas.microsoft.com/office/drawing/2014/main" id="{C57B4AA7-73ED-45F8-8997-8FD90F163A14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116732555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378C695-DB26-4DFC-99B4-796455F2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692696"/>
            <a:ext cx="10137524" cy="360040"/>
          </a:xfrm>
        </p:spPr>
        <p:txBody>
          <a:bodyPr/>
          <a:lstStyle/>
          <a:p>
            <a:r>
              <a:rPr lang="da-DK" dirty="0" err="1"/>
              <a:t>Pre</a:t>
            </a:r>
            <a:r>
              <a:rPr lang="da-DK" dirty="0"/>
              <a:t>-etablering – Økonomisk beslutningsgrundlag</a:t>
            </a:r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2F0E2652-226F-4D39-AA34-63D132B4B1F2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2607286" y="1124744"/>
            <a:ext cx="6904202" cy="4996705"/>
          </a:xfrm>
          <a:prstGeom prst="rect">
            <a:avLst/>
          </a:prstGeom>
        </p:spPr>
      </p:pic>
      <p:sp>
        <p:nvSpPr>
          <p:cNvPr id="5" name="Pladsholder til sidefod 3">
            <a:extLst>
              <a:ext uri="{FF2B5EF4-FFF2-40B4-BE49-F238E27FC236}">
                <a16:creationId xmlns:a16="http://schemas.microsoft.com/office/drawing/2014/main" id="{FC7818F4-5897-4B04-8D8D-A5FB90FF7610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325408357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428781C-1980-43D7-AA7D-71E6C1D546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47772" y="332656"/>
            <a:ext cx="7236016" cy="1728192"/>
          </a:xfrm>
        </p:spPr>
        <p:txBody>
          <a:bodyPr/>
          <a:lstStyle/>
          <a:p>
            <a:pPr algn="ctr"/>
            <a:r>
              <a:rPr lang="da-DK" sz="3600" dirty="0"/>
              <a:t>Flytteperiod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7DCBC8A-9784-4B73-A3B7-1832F17EB7C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204864"/>
            <a:ext cx="10136614" cy="3816423"/>
          </a:xfrm>
        </p:spPr>
        <p:txBody>
          <a:bodyPr/>
          <a:lstStyle/>
          <a:p>
            <a:r>
              <a:rPr lang="da-DK" dirty="0"/>
              <a:t> </a:t>
            </a:r>
            <a:r>
              <a:rPr lang="da-DK" sz="3200" dirty="0"/>
              <a:t>Nedtagning, rengøring og mærkning af IT-udstyr</a:t>
            </a:r>
          </a:p>
          <a:p>
            <a:r>
              <a:rPr lang="da-DK" sz="3200" dirty="0"/>
              <a:t> Opsætning af IT-udstyr i nybyggeri</a:t>
            </a:r>
          </a:p>
          <a:p>
            <a:r>
              <a:rPr lang="da-DK" sz="3200" dirty="0"/>
              <a:t> Opsætning og konfigurering af printere</a:t>
            </a:r>
          </a:p>
          <a:p>
            <a:r>
              <a:rPr lang="da-DK" sz="3200" dirty="0"/>
              <a:t> Aktivering af beredskab</a:t>
            </a:r>
          </a:p>
          <a:p>
            <a:r>
              <a:rPr lang="da-DK" sz="3200" dirty="0"/>
              <a:t> Kvalitetssikring</a:t>
            </a:r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14B8650A-0777-47EE-B088-743933148B8B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ektangel 7">
            <a:extLst>
              <a:ext uri="{FF2B5EF4-FFF2-40B4-BE49-F238E27FC236}">
                <a16:creationId xmlns:a16="http://schemas.microsoft.com/office/drawing/2014/main" id="{95F66DF1-6A95-4691-A8B0-AE433D64DA14}"/>
              </a:ext>
            </a:extLst>
          </p:cNvPr>
          <p:cNvSpPr/>
          <p:nvPr/>
        </p:nvSpPr>
        <p:spPr>
          <a:xfrm>
            <a:off x="8544272" y="764704"/>
            <a:ext cx="576064" cy="432048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A7884503-6093-406B-947B-0A3A3D773A95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35686769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5F5EBF2-B237-43A3-9E84-5417CE0F0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3200" dirty="0"/>
              <a:t>Leverancesporet IT-udstyr</a:t>
            </a:r>
            <a:br>
              <a:rPr lang="da-DK" sz="3200" dirty="0"/>
            </a:br>
            <a:r>
              <a:rPr lang="da-DK" sz="3200" dirty="0"/>
              <a:t>Ressourceestimat 2019-20</a:t>
            </a: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CA78B358-C4BD-418F-8A7B-39631EE2BA6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632421634"/>
              </p:ext>
            </p:extLst>
          </p:nvPr>
        </p:nvGraphicFramePr>
        <p:xfrm>
          <a:off x="3071664" y="2060849"/>
          <a:ext cx="6408712" cy="374441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7" name="Pladsholder til sidefod 3">
            <a:extLst>
              <a:ext uri="{FF2B5EF4-FFF2-40B4-BE49-F238E27FC236}">
                <a16:creationId xmlns:a16="http://schemas.microsoft.com/office/drawing/2014/main" id="{9C7A9BAE-E94A-4728-A973-4C27AEA3C582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2530105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D29AB3B-FB98-44C5-8D12-9E6CD11889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106" y="548680"/>
            <a:ext cx="7164334" cy="1584175"/>
          </a:xfrm>
        </p:spPr>
        <p:txBody>
          <a:bodyPr/>
          <a:lstStyle/>
          <a:p>
            <a:pPr algn="ctr"/>
            <a:r>
              <a:rPr lang="da-DK" sz="3600" dirty="0" err="1"/>
              <a:t>Hypercare</a:t>
            </a:r>
            <a:endParaRPr lang="da-DK" sz="360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FFCCF15-B3BC-46A6-8B8F-9B298C4AE3E2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636912"/>
            <a:ext cx="10136614" cy="3456383"/>
          </a:xfrm>
        </p:spPr>
        <p:txBody>
          <a:bodyPr/>
          <a:lstStyle/>
          <a:p>
            <a:r>
              <a:rPr lang="da-DK" dirty="0"/>
              <a:t> </a:t>
            </a:r>
            <a:r>
              <a:rPr lang="da-DK" sz="3200" dirty="0"/>
              <a:t>Opfølgning på incidents</a:t>
            </a:r>
          </a:p>
          <a:p>
            <a:r>
              <a:rPr lang="da-DK" sz="3200" dirty="0"/>
              <a:t> </a:t>
            </a:r>
            <a:r>
              <a:rPr lang="da-DK" sz="3200" dirty="0" err="1"/>
              <a:t>Floorwalking</a:t>
            </a:r>
            <a:endParaRPr lang="da-DK" sz="3200" dirty="0"/>
          </a:p>
          <a:p>
            <a:r>
              <a:rPr lang="da-DK" sz="3200" dirty="0"/>
              <a:t> Beredskab</a:t>
            </a:r>
          </a:p>
          <a:p>
            <a:r>
              <a:rPr lang="da-DK" sz="3200" dirty="0"/>
              <a:t> Kvalitetssikring</a:t>
            </a:r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DBE6570F-BFEC-4930-BEB6-C97FB92741D9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ektangel 7">
            <a:extLst>
              <a:ext uri="{FF2B5EF4-FFF2-40B4-BE49-F238E27FC236}">
                <a16:creationId xmlns:a16="http://schemas.microsoft.com/office/drawing/2014/main" id="{F42E442B-31CB-4F60-A10E-C2EBB207B728}"/>
              </a:ext>
            </a:extLst>
          </p:cNvPr>
          <p:cNvSpPr/>
          <p:nvPr/>
        </p:nvSpPr>
        <p:spPr>
          <a:xfrm>
            <a:off x="7896200" y="764704"/>
            <a:ext cx="576064" cy="432048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52AB2F49-839B-439E-B175-A114C0402987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47377986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C0A8C83-CD4E-4DC5-88F2-72DD6E2EEC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548681"/>
            <a:ext cx="7308456" cy="1440458"/>
          </a:xfrm>
        </p:spPr>
        <p:txBody>
          <a:bodyPr/>
          <a:lstStyle/>
          <a:p>
            <a:pPr algn="ctr"/>
            <a:r>
              <a:rPr lang="da-DK" sz="3600" dirty="0"/>
              <a:t>Fraflytn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11B37D0-FFCB-4DA8-9C80-F9252C58694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492895"/>
            <a:ext cx="10136614" cy="3434839"/>
          </a:xfrm>
        </p:spPr>
        <p:txBody>
          <a:bodyPr/>
          <a:lstStyle/>
          <a:p>
            <a:r>
              <a:rPr lang="da-DK" sz="3200" dirty="0"/>
              <a:t>Afklaring af skæbne for fraflyttet lokation</a:t>
            </a:r>
          </a:p>
          <a:p>
            <a:r>
              <a:rPr lang="da-DK" sz="3200" dirty="0"/>
              <a:t>Ved rømning: Hjemtagning af alt IT-udstyr</a:t>
            </a:r>
          </a:p>
          <a:p>
            <a:r>
              <a:rPr lang="da-DK" sz="3200" dirty="0"/>
              <a:t>Vurdering og registrering af efterladt IT-udstyr</a:t>
            </a:r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DFCBE8A6-DBC8-4C46-822A-EAEA1E04999D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ektangel 7">
            <a:extLst>
              <a:ext uri="{FF2B5EF4-FFF2-40B4-BE49-F238E27FC236}">
                <a16:creationId xmlns:a16="http://schemas.microsoft.com/office/drawing/2014/main" id="{500EBCEA-4F7F-4C41-B50C-9D55E48DFA68}"/>
              </a:ext>
            </a:extLst>
          </p:cNvPr>
          <p:cNvSpPr/>
          <p:nvPr/>
        </p:nvSpPr>
        <p:spPr>
          <a:xfrm>
            <a:off x="7896200" y="1196752"/>
            <a:ext cx="576064" cy="432048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9BFC2176-40EA-4B9D-BF7F-1A87E5A50166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45222274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388C41E-40BF-4FBB-93B0-2A4E8C0451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548680"/>
            <a:ext cx="7236448" cy="1728192"/>
          </a:xfrm>
        </p:spPr>
        <p:txBody>
          <a:bodyPr/>
          <a:lstStyle/>
          <a:p>
            <a:pPr algn="ctr"/>
            <a:r>
              <a:rPr lang="da-DK" sz="3600" dirty="0"/>
              <a:t>Evalu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7670DD9-4005-45F5-82FE-525BC1C06078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892000" y="2625869"/>
            <a:ext cx="7091363" cy="3643164"/>
          </a:xfrm>
        </p:spPr>
        <p:txBody>
          <a:bodyPr/>
          <a:lstStyle/>
          <a:p>
            <a:r>
              <a:rPr lang="da-DK" dirty="0"/>
              <a:t> </a:t>
            </a:r>
            <a:r>
              <a:rPr lang="da-DK" sz="3200" dirty="0"/>
              <a:t>Løbende konceptoptimering</a:t>
            </a:r>
          </a:p>
          <a:p>
            <a:r>
              <a:rPr lang="da-DK" sz="3200" dirty="0"/>
              <a:t> Den lærende organisation</a:t>
            </a:r>
          </a:p>
          <a:p>
            <a:r>
              <a:rPr lang="da-DK" sz="3200" dirty="0"/>
              <a:t> Hvad gik godt?</a:t>
            </a:r>
          </a:p>
          <a:p>
            <a:r>
              <a:rPr lang="da-DK" sz="3200" dirty="0"/>
              <a:t> Hvad gik mindre godt?</a:t>
            </a:r>
          </a:p>
          <a:p>
            <a:r>
              <a:rPr lang="da-DK" sz="3200" dirty="0"/>
              <a:t> Opfølgning på ressourceestimater</a:t>
            </a:r>
          </a:p>
          <a:p>
            <a:endParaRPr lang="da-DK" dirty="0"/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FB2381F5-7149-4597-94C9-395DDD17262E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ektangel 7">
            <a:extLst>
              <a:ext uri="{FF2B5EF4-FFF2-40B4-BE49-F238E27FC236}">
                <a16:creationId xmlns:a16="http://schemas.microsoft.com/office/drawing/2014/main" id="{670C09E9-085E-4AF2-A34C-E9A79749398E}"/>
              </a:ext>
            </a:extLst>
          </p:cNvPr>
          <p:cNvSpPr/>
          <p:nvPr/>
        </p:nvSpPr>
        <p:spPr>
          <a:xfrm>
            <a:off x="8544272" y="1195962"/>
            <a:ext cx="576064" cy="424150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565A8574-9267-4757-AF79-A142FFDCB8D2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395907739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6855F9C-482F-489F-949B-0D20393EAB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872716"/>
            <a:ext cx="7092000" cy="756085"/>
          </a:xfrm>
        </p:spPr>
        <p:txBody>
          <a:bodyPr/>
          <a:lstStyle/>
          <a:p>
            <a:pPr algn="ctr"/>
            <a:r>
              <a:rPr lang="da-DK" dirty="0"/>
              <a:t>CIMT Byggeprogram</a:t>
            </a:r>
            <a:br>
              <a:rPr lang="da-DK" dirty="0"/>
            </a:br>
            <a:r>
              <a:rPr lang="da-DK" dirty="0"/>
              <a:t>Principper for håndtering af IT-udstyr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9E2A8886-BD98-4466-83FA-37647DD3037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892426" y="1844824"/>
            <a:ext cx="7091363" cy="4320481"/>
          </a:xfrm>
        </p:spPr>
        <p:txBody>
          <a:bodyPr/>
          <a:lstStyle/>
          <a:p>
            <a:r>
              <a:rPr lang="da-DK" dirty="0"/>
              <a:t> Defekt it-udstyr udskiftes af CIMT</a:t>
            </a:r>
          </a:p>
          <a:p>
            <a:r>
              <a:rPr lang="da-DK" dirty="0"/>
              <a:t> CIMT udskifter PC af ældre dato</a:t>
            </a:r>
          </a:p>
          <a:p>
            <a:r>
              <a:rPr lang="da-DK" dirty="0"/>
              <a:t> </a:t>
            </a:r>
            <a:r>
              <a:rPr lang="da-DK" dirty="0" err="1"/>
              <a:t>Pre</a:t>
            </a:r>
            <a:r>
              <a:rPr lang="da-DK" dirty="0"/>
              <a:t>-etablering betales af 1) Byggeprojektet eller 2) De enkelte klinikker</a:t>
            </a:r>
          </a:p>
          <a:p>
            <a:r>
              <a:rPr lang="da-DK" dirty="0"/>
              <a:t> Behov for </a:t>
            </a:r>
            <a:r>
              <a:rPr lang="da-DK" dirty="0" err="1"/>
              <a:t>pre</a:t>
            </a:r>
            <a:r>
              <a:rPr lang="da-DK" dirty="0"/>
              <a:t>-etablering defineres i funktionsopdelt prisoversigt. Der indgås aftale med Byggeprojektet og klinikker vedr. betaling, indkøb og levering</a:t>
            </a:r>
          </a:p>
          <a:p>
            <a:r>
              <a:rPr lang="da-DK" dirty="0"/>
              <a:t> Som en del af bygherreleverancen leveres oversigt over PDS-stik. Oversigten bør være i digitalt format (database el. regneark)</a:t>
            </a:r>
          </a:p>
          <a:p>
            <a:endParaRPr lang="da-DK" dirty="0"/>
          </a:p>
        </p:txBody>
      </p:sp>
      <p:sp>
        <p:nvSpPr>
          <p:cNvPr id="5" name="Pladsholder til sidefod 3">
            <a:extLst>
              <a:ext uri="{FF2B5EF4-FFF2-40B4-BE49-F238E27FC236}">
                <a16:creationId xmlns:a16="http://schemas.microsoft.com/office/drawing/2014/main" id="{726B7C60-66C1-46EB-9788-45F34757C5C6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234017194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A4AA3CF-98A5-4E50-B748-595B5071A8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3200" dirty="0"/>
              <a:t>Tværgående regionalt samarbejde</a:t>
            </a:r>
            <a:br>
              <a:rPr lang="da-DK" sz="3200" dirty="0"/>
            </a:br>
            <a:r>
              <a:rPr lang="da-DK" sz="2400" dirty="0"/>
              <a:t>Håndtering af IT-udstyr</a:t>
            </a:r>
            <a:endParaRPr lang="da-DK" sz="320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30C1E67-E729-4747-97EA-62C740915D01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276871"/>
            <a:ext cx="10136614" cy="3211117"/>
          </a:xfrm>
        </p:spPr>
        <p:txBody>
          <a:bodyPr/>
          <a:lstStyle/>
          <a:p>
            <a:r>
              <a:rPr lang="da-DK" dirty="0"/>
              <a:t> </a:t>
            </a:r>
            <a:r>
              <a:rPr lang="da-DK" sz="2800" dirty="0"/>
              <a:t>Erfaringsudveksling</a:t>
            </a:r>
          </a:p>
          <a:p>
            <a:r>
              <a:rPr lang="da-DK" sz="2800" dirty="0"/>
              <a:t> Praksisfællesskab</a:t>
            </a:r>
          </a:p>
          <a:p>
            <a:r>
              <a:rPr lang="da-DK" sz="2800" dirty="0"/>
              <a:t> Identifikation af Best Practice</a:t>
            </a:r>
          </a:p>
          <a:p>
            <a:r>
              <a:rPr lang="da-DK" sz="2800" dirty="0"/>
              <a:t> Benchmarking</a:t>
            </a:r>
          </a:p>
        </p:txBody>
      </p:sp>
      <p:sp>
        <p:nvSpPr>
          <p:cNvPr id="7" name="Pladsholder til sidefod 3">
            <a:extLst>
              <a:ext uri="{FF2B5EF4-FFF2-40B4-BE49-F238E27FC236}">
                <a16:creationId xmlns:a16="http://schemas.microsoft.com/office/drawing/2014/main" id="{18F82D8C-2A66-47B2-8E7A-5219074BD7FE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31543462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846740" y="966390"/>
            <a:ext cx="7092000" cy="576065"/>
          </a:xfrm>
        </p:spPr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Præsentation</a:t>
            </a:r>
          </a:p>
          <a:p>
            <a:r>
              <a:rPr lang="da-DK" dirty="0"/>
              <a:t>Konceptets faser</a:t>
            </a:r>
          </a:p>
          <a:p>
            <a:r>
              <a:rPr lang="da-DK" dirty="0"/>
              <a:t>Principper for håndtering af IT-udstyr</a:t>
            </a:r>
          </a:p>
          <a:p>
            <a:r>
              <a:rPr lang="da-DK" dirty="0"/>
              <a:t>Tværgående regionalt samarbejde </a:t>
            </a:r>
          </a:p>
          <a:p>
            <a:r>
              <a:rPr lang="da-DK" dirty="0"/>
              <a:t>Spørgsmål</a:t>
            </a:r>
          </a:p>
          <a:p>
            <a:pPr lvl="1"/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Center for IT, Medico og Telefoni</a:t>
            </a:r>
          </a:p>
        </p:txBody>
      </p:sp>
      <p:sp>
        <p:nvSpPr>
          <p:cNvPr id="8" name="Pladsholder til sidefod 3">
            <a:extLst>
              <a:ext uri="{FF2B5EF4-FFF2-40B4-BE49-F238E27FC236}">
                <a16:creationId xmlns:a16="http://schemas.microsoft.com/office/drawing/2014/main" id="{ECD1F5B4-F76A-4091-BCD6-1331F8BF5E79}"/>
              </a:ext>
            </a:extLst>
          </p:cNvPr>
          <p:cNvSpPr txBox="1">
            <a:spLocks/>
          </p:cNvSpPr>
          <p:nvPr/>
        </p:nvSpPr>
        <p:spPr>
          <a:xfrm>
            <a:off x="9696400" y="6314792"/>
            <a:ext cx="2037080" cy="426576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a-DK" sz="1000" dirty="0">
                <a:solidFill>
                  <a:schemeClr val="bg1"/>
                </a:solidFill>
              </a:rPr>
              <a:t>Henrik Haastrup</a:t>
            </a:r>
          </a:p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95770891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ladsholder til indhold 9">
            <a:extLst>
              <a:ext uri="{FF2B5EF4-FFF2-40B4-BE49-F238E27FC236}">
                <a16:creationId xmlns:a16="http://schemas.microsoft.com/office/drawing/2014/main" id="{B49B965B-2D96-4344-ADE4-79DEDB73C4C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2"/>
          <a:stretch>
            <a:fillRect/>
          </a:stretch>
        </p:blipFill>
        <p:spPr>
          <a:xfrm>
            <a:off x="5125775" y="2327276"/>
            <a:ext cx="2624662" cy="3160713"/>
          </a:xfrm>
          <a:prstGeom prst="rect">
            <a:avLst/>
          </a:prstGeom>
        </p:spPr>
      </p:pic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5A4D1BA-9934-408F-B599-C7DE555F255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C116489F-9CF2-4B79-B1F0-C517B8A6DE97}"/>
              </a:ext>
            </a:extLst>
          </p:cNvPr>
          <p:cNvSpPr/>
          <p:nvPr/>
        </p:nvSpPr>
        <p:spPr>
          <a:xfrm>
            <a:off x="4507705" y="908347"/>
            <a:ext cx="3762568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a-DK" sz="54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5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Spørgsmål</a:t>
            </a:r>
          </a:p>
        </p:txBody>
      </p:sp>
      <p:sp>
        <p:nvSpPr>
          <p:cNvPr id="6" name="Pladsholder til sidefod 3">
            <a:extLst>
              <a:ext uri="{FF2B5EF4-FFF2-40B4-BE49-F238E27FC236}">
                <a16:creationId xmlns:a16="http://schemas.microsoft.com/office/drawing/2014/main" id="{835484F9-3AC3-4E01-9C6A-4E6D0194D585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144316299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5A4D1BA-9934-408F-B599-C7DE555F255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GB"/>
              <a:t>Henrik Haastrup og Pernille Gotthard Kristiansen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C116489F-9CF2-4B79-B1F0-C517B8A6DE97}"/>
              </a:ext>
            </a:extLst>
          </p:cNvPr>
          <p:cNvSpPr/>
          <p:nvPr/>
        </p:nvSpPr>
        <p:spPr>
          <a:xfrm>
            <a:off x="4360294" y="908347"/>
            <a:ext cx="4057393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da-DK" sz="54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5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Tak for </a:t>
            </a:r>
            <a:r>
              <a:rPr lang="da-DK" sz="5400" b="1" dirty="0" err="1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5"/>
                </a:solidFill>
                <a:effectLst>
                  <a:outerShdw blurRad="12700" dist="38100" dir="2700000" algn="tl" rotWithShape="0">
                    <a:schemeClr val="accent5">
                      <a:lumMod val="60000"/>
                      <a:lumOff val="40000"/>
                    </a:schemeClr>
                  </a:outerShdw>
                </a:effectLst>
              </a:rPr>
              <a:t>idag</a:t>
            </a:r>
            <a:endParaRPr lang="da-DK" sz="5400" b="1" dirty="0">
              <a:ln w="9525">
                <a:solidFill>
                  <a:schemeClr val="bg1"/>
                </a:solidFill>
                <a:prstDash val="solid"/>
              </a:ln>
              <a:solidFill>
                <a:schemeClr val="accent5"/>
              </a:solidFill>
              <a:effectLst>
                <a:outerShdw blurRad="12700" dist="38100" dir="2700000" algn="tl" rotWithShape="0">
                  <a:schemeClr val="accent5">
                    <a:lumMod val="60000"/>
                    <a:lumOff val="40000"/>
                  </a:schemeClr>
                </a:outerShdw>
              </a:effectLst>
            </a:endParaRP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C55C181C-4898-49B7-80C0-F8BA7A92790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83632" y="1831677"/>
            <a:ext cx="7000000" cy="3895238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A2D76F73-3900-4876-93C0-3CBF5B27829D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161188756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64DCB2DE-5C9A-4691-B606-D1173DAF5F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5C040C3-8DC6-4E35-8635-DCCE58DD709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895600" y="1196752"/>
            <a:ext cx="2889684" cy="4758000"/>
          </a:xfr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marL="360000" lvl="1" indent="0">
              <a:buNone/>
            </a:pPr>
            <a:endParaRPr lang="da-DK" sz="1400" dirty="0"/>
          </a:p>
          <a:p>
            <a:pPr marL="360000" lvl="1" indent="0">
              <a:buNone/>
            </a:pPr>
            <a:r>
              <a:rPr lang="da-DK" sz="1400" dirty="0"/>
              <a:t>Pernille Gotthard Kristiansen</a:t>
            </a:r>
          </a:p>
          <a:p>
            <a:pPr marL="360000" lvl="1" indent="0">
              <a:buNone/>
            </a:pPr>
            <a:r>
              <a:rPr lang="da-DK" sz="1400" dirty="0"/>
              <a:t>CIMT Projektleder for byggeriet Nordfløjen</a:t>
            </a:r>
            <a:br>
              <a:rPr lang="da-DK" sz="1400" dirty="0"/>
            </a:br>
            <a:endParaRPr lang="da-DK" sz="1400" dirty="0"/>
          </a:p>
          <a:p>
            <a:pPr marL="360000" lvl="1" indent="0">
              <a:buNone/>
            </a:pPr>
            <a:r>
              <a:rPr lang="da-DK" sz="1400" dirty="0"/>
              <a:t>Mobil: +45 24 43 08 99</a:t>
            </a:r>
          </a:p>
          <a:p>
            <a:pPr marL="360000" lvl="1" indent="0">
              <a:buNone/>
            </a:pPr>
            <a:r>
              <a:rPr lang="da-DK" sz="1400" dirty="0"/>
              <a:t>Mail: </a:t>
            </a:r>
            <a:r>
              <a:rPr lang="da-DK" sz="1100" dirty="0">
                <a:hlinkClick r:id="rId2"/>
              </a:rPr>
              <a:t>pernille.gotthard.kristiansen@regionh.dk</a:t>
            </a:r>
            <a:endParaRPr lang="da-DK" sz="1800" dirty="0"/>
          </a:p>
          <a:p>
            <a:pPr marL="360000" lvl="1" indent="0">
              <a:buNone/>
            </a:pPr>
            <a:r>
              <a:rPr lang="da-DK" sz="1400" dirty="0"/>
              <a:t>Region Hovedstaden</a:t>
            </a:r>
            <a:br>
              <a:rPr lang="da-DK" sz="1400" dirty="0"/>
            </a:br>
            <a:r>
              <a:rPr lang="da-DK" sz="1400" dirty="0"/>
              <a:t>Center for It, Medico og Telefoni, </a:t>
            </a:r>
          </a:p>
          <a:p>
            <a:pPr marL="360000" lvl="1" indent="0">
              <a:buNone/>
            </a:pPr>
            <a:r>
              <a:rPr lang="da-DK" sz="1400" dirty="0"/>
              <a:t>Projekter </a:t>
            </a:r>
            <a:br>
              <a:rPr lang="da-DK" sz="1400" dirty="0"/>
            </a:br>
            <a:r>
              <a:rPr lang="da-DK" sz="1400" dirty="0"/>
              <a:t>Udvikling</a:t>
            </a:r>
          </a:p>
          <a:p>
            <a:pPr marL="360000" lvl="1" indent="0">
              <a:buNone/>
            </a:pPr>
            <a:r>
              <a:rPr lang="da-DK" sz="1400" dirty="0"/>
              <a:t>Borgervænget 7,3</a:t>
            </a:r>
            <a:br>
              <a:rPr lang="da-DK" sz="1400" dirty="0"/>
            </a:br>
            <a:r>
              <a:rPr lang="da-DK" sz="1400" dirty="0"/>
              <a:t>2100 København Ø</a:t>
            </a:r>
          </a:p>
        </p:txBody>
      </p:sp>
      <p:sp>
        <p:nvSpPr>
          <p:cNvPr id="6" name="Pladsholder til tekst 4">
            <a:extLst>
              <a:ext uri="{FF2B5EF4-FFF2-40B4-BE49-F238E27FC236}">
                <a16:creationId xmlns:a16="http://schemas.microsoft.com/office/drawing/2014/main" id="{6EC5E00F-A1B1-4114-8932-CCD520D5B718}"/>
              </a:ext>
            </a:extLst>
          </p:cNvPr>
          <p:cNvSpPr txBox="1">
            <a:spLocks/>
          </p:cNvSpPr>
          <p:nvPr/>
        </p:nvSpPr>
        <p:spPr>
          <a:xfrm>
            <a:off x="7320136" y="1204881"/>
            <a:ext cx="2889684" cy="4758000"/>
          </a:xfrm>
          <a:prstGeom prst="rect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60000" lvl="1" indent="0">
              <a:buNone/>
            </a:pPr>
            <a:endParaRPr lang="da-DK" sz="1400" dirty="0"/>
          </a:p>
          <a:p>
            <a:pPr marL="360000" lvl="1" indent="0">
              <a:buNone/>
            </a:pPr>
            <a:r>
              <a:rPr lang="da-DK" sz="1400" dirty="0"/>
              <a:t>Henrik Haastrup</a:t>
            </a:r>
          </a:p>
          <a:p>
            <a:pPr marL="360000" lvl="1" indent="0">
              <a:buNone/>
            </a:pPr>
            <a:r>
              <a:rPr lang="da-DK" sz="1400" dirty="0"/>
              <a:t>Opgavekoordinator, Drift &amp; Support</a:t>
            </a:r>
          </a:p>
          <a:p>
            <a:pPr marL="360000" lvl="1" indent="0">
              <a:buNone/>
            </a:pPr>
            <a:r>
              <a:rPr lang="da-DK" sz="1400" dirty="0"/>
              <a:t>Mobil: +45 51 63 78 04</a:t>
            </a:r>
          </a:p>
          <a:p>
            <a:pPr marL="360000" lvl="1" indent="0">
              <a:buNone/>
            </a:pPr>
            <a:r>
              <a:rPr lang="da-DK" sz="1400" dirty="0"/>
              <a:t>Mail: </a:t>
            </a:r>
            <a:br>
              <a:rPr lang="da-DK" sz="1400" dirty="0"/>
            </a:br>
            <a:r>
              <a:rPr lang="da-DK" sz="1100" dirty="0">
                <a:hlinkClick r:id="rId3"/>
              </a:rPr>
              <a:t>henrik.haastrup@regionh.dk</a:t>
            </a:r>
            <a:endParaRPr lang="da-DK" sz="1800" dirty="0"/>
          </a:p>
          <a:p>
            <a:pPr marL="360000" lvl="1" indent="0">
              <a:buNone/>
            </a:pPr>
            <a:r>
              <a:rPr lang="da-DK" sz="1400" dirty="0"/>
              <a:t>Region Hovedstaden</a:t>
            </a:r>
            <a:br>
              <a:rPr lang="da-DK" sz="1400" dirty="0"/>
            </a:br>
            <a:r>
              <a:rPr lang="da-DK" sz="1400" dirty="0"/>
              <a:t>Center for IT, Medico og Telefoni</a:t>
            </a:r>
          </a:p>
          <a:p>
            <a:pPr marL="360000" lvl="1" indent="0">
              <a:buNone/>
            </a:pPr>
            <a:r>
              <a:rPr lang="da-DK" sz="1400" dirty="0"/>
              <a:t>Drift &amp; Support</a:t>
            </a:r>
            <a:br>
              <a:rPr lang="da-DK" sz="1400" dirty="0"/>
            </a:br>
            <a:endParaRPr lang="da-DK" sz="1400" dirty="0"/>
          </a:p>
          <a:p>
            <a:pPr marL="360000" lvl="1" indent="0">
              <a:buNone/>
            </a:pPr>
            <a:r>
              <a:rPr lang="da-DK" sz="1400" dirty="0"/>
              <a:t>Borgervænget 7,3</a:t>
            </a:r>
            <a:br>
              <a:rPr lang="da-DK" sz="1400" dirty="0"/>
            </a:br>
            <a:r>
              <a:rPr lang="da-DK" sz="1400" dirty="0"/>
              <a:t>2100 København Ø</a:t>
            </a: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8D970220-AD4C-4F17-8840-CF408DC31A3D}"/>
              </a:ext>
            </a:extLst>
          </p:cNvPr>
          <p:cNvSpPr txBox="1"/>
          <p:nvPr/>
        </p:nvSpPr>
        <p:spPr>
          <a:xfrm>
            <a:off x="3863752" y="428033"/>
            <a:ext cx="5148572" cy="43291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da-DK" sz="2800" b="1" dirty="0"/>
              <a:t>Kontakt oplysninger</a:t>
            </a:r>
          </a:p>
        </p:txBody>
      </p:sp>
      <p:sp>
        <p:nvSpPr>
          <p:cNvPr id="8" name="Pladsholder til sidefod 3">
            <a:extLst>
              <a:ext uri="{FF2B5EF4-FFF2-40B4-BE49-F238E27FC236}">
                <a16:creationId xmlns:a16="http://schemas.microsoft.com/office/drawing/2014/main" id="{EBDE4626-5DDC-4A07-BDB9-FDD7007A40AC}"/>
              </a:ext>
            </a:extLst>
          </p:cNvPr>
          <p:cNvSpPr txBox="1">
            <a:spLocks/>
          </p:cNvSpPr>
          <p:nvPr/>
        </p:nvSpPr>
        <p:spPr>
          <a:xfrm>
            <a:off x="9696400" y="6314792"/>
            <a:ext cx="2037080" cy="426576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a-DK" sz="1000" dirty="0">
                <a:solidFill>
                  <a:schemeClr val="bg1"/>
                </a:solidFill>
              </a:rPr>
              <a:t>Henrik Haastrup</a:t>
            </a:r>
          </a:p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28439251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92000" y="872716"/>
            <a:ext cx="7092000" cy="576065"/>
          </a:xfrm>
        </p:spPr>
        <p:txBody>
          <a:bodyPr/>
          <a:lstStyle/>
          <a:p>
            <a:r>
              <a:rPr lang="da-DK" dirty="0"/>
              <a:t>Hvem er Center for IT, Medico og Telefoni</a:t>
            </a: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Henrik Haastrup og Pernille Gotthard Kristiansen</a:t>
            </a:r>
            <a:endParaRPr lang="da-DK" dirty="0"/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13"/>
          </p:nvPr>
        </p:nvSpPr>
        <p:spPr>
          <a:xfrm>
            <a:off x="2892426" y="1880829"/>
            <a:ext cx="7091363" cy="3607160"/>
          </a:xfrm>
        </p:spPr>
        <p:txBody>
          <a:bodyPr/>
          <a:lstStyle/>
          <a:p>
            <a:r>
              <a:rPr lang="da-DK" sz="1800" dirty="0"/>
              <a:t>Center for It, Medico og Telefoni (CIMT) er Region Hovedstadens koncerncenter, der sørger for serviceydelser inden for de tre områder it, medico og telefoni.</a:t>
            </a:r>
          </a:p>
          <a:p>
            <a:r>
              <a:rPr lang="da-DK" sz="1800" dirty="0"/>
              <a:t>​Fokus for CIMT er:</a:t>
            </a:r>
          </a:p>
          <a:p>
            <a:pPr lvl="1"/>
            <a:r>
              <a:rPr lang="da-DK" sz="1800" dirty="0"/>
              <a:t>At understøtte hospitalerne</a:t>
            </a:r>
          </a:p>
          <a:p>
            <a:pPr lvl="1"/>
            <a:r>
              <a:rPr lang="da-DK" sz="1800" dirty="0"/>
              <a:t>At  teknologien anvendes effektivt</a:t>
            </a:r>
          </a:p>
          <a:p>
            <a:pPr lvl="1"/>
            <a:r>
              <a:rPr lang="da-DK" sz="1800" dirty="0"/>
              <a:t>At basisydelser skal leveres hurtigere billigere og bedre</a:t>
            </a:r>
          </a:p>
          <a:p>
            <a:pPr lvl="1"/>
            <a:r>
              <a:rPr lang="da-DK" sz="1800" dirty="0"/>
              <a:t>At hjælpe hospitalsledelserne med at optimere behandlingerne</a:t>
            </a:r>
          </a:p>
          <a:p>
            <a:pPr lvl="1"/>
            <a:r>
              <a:rPr lang="da-DK" sz="1600" dirty="0"/>
              <a:t>CIMT beskæftiger ca. 900 personer</a:t>
            </a:r>
          </a:p>
          <a:p>
            <a:endParaRPr lang="da-DK" sz="1600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Center for IT, Medico og Telefoni</a:t>
            </a:r>
          </a:p>
        </p:txBody>
      </p:sp>
      <p:sp>
        <p:nvSpPr>
          <p:cNvPr id="8" name="Pladsholder til sidefod 3">
            <a:extLst>
              <a:ext uri="{FF2B5EF4-FFF2-40B4-BE49-F238E27FC236}">
                <a16:creationId xmlns:a16="http://schemas.microsoft.com/office/drawing/2014/main" id="{CC83E21C-9F9B-4920-9202-7977DDC4EB11}"/>
              </a:ext>
            </a:extLst>
          </p:cNvPr>
          <p:cNvSpPr txBox="1">
            <a:spLocks/>
          </p:cNvSpPr>
          <p:nvPr/>
        </p:nvSpPr>
        <p:spPr>
          <a:xfrm>
            <a:off x="9696400" y="6314792"/>
            <a:ext cx="2037080" cy="426576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a-DK" sz="1000" dirty="0">
                <a:solidFill>
                  <a:schemeClr val="bg1"/>
                </a:solidFill>
              </a:rPr>
              <a:t>Henrik Haastrup</a:t>
            </a:r>
          </a:p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27782696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0" name="Rektangel 179"/>
          <p:cNvSpPr/>
          <p:nvPr/>
        </p:nvSpPr>
        <p:spPr>
          <a:xfrm>
            <a:off x="1631891" y="5136982"/>
            <a:ext cx="9029700" cy="859165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6" name="Rektangel 245"/>
          <p:cNvSpPr/>
          <p:nvPr/>
        </p:nvSpPr>
        <p:spPr>
          <a:xfrm>
            <a:off x="1524000" y="857250"/>
            <a:ext cx="683568" cy="5138896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8" name="Titel 1"/>
          <p:cNvSpPr>
            <a:spLocks noGrp="1"/>
          </p:cNvSpPr>
          <p:nvPr>
            <p:ph type="title"/>
          </p:nvPr>
        </p:nvSpPr>
        <p:spPr>
          <a:xfrm>
            <a:off x="1949988" y="1509961"/>
            <a:ext cx="3373672" cy="838921"/>
          </a:xfrm>
          <a:solidFill>
            <a:schemeClr val="bg1"/>
          </a:solidFill>
          <a:ln>
            <a:solidFill>
              <a:schemeClr val="bg1"/>
            </a:solidFill>
          </a:ln>
        </p:spPr>
        <p:txBody>
          <a:bodyPr>
            <a:normAutofit fontScale="90000"/>
          </a:bodyPr>
          <a:lstStyle/>
          <a:p>
            <a:r>
              <a:rPr lang="da-DK" sz="2175" dirty="0"/>
              <a:t>CIMT Byggeprogrammets leverancematrix til hospitalsbyggerierne</a:t>
            </a:r>
          </a:p>
        </p:txBody>
      </p:sp>
      <p:sp>
        <p:nvSpPr>
          <p:cNvPr id="162" name="Pentagon 161"/>
          <p:cNvSpPr/>
          <p:nvPr/>
        </p:nvSpPr>
        <p:spPr>
          <a:xfrm rot="10800000">
            <a:off x="1531767" y="2607086"/>
            <a:ext cx="1431884" cy="2928149"/>
          </a:xfrm>
          <a:prstGeom prst="homePlate">
            <a:avLst/>
          </a:prstGeom>
          <a:ln/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>
              <a:solidFill>
                <a:schemeClr val="bg1"/>
              </a:solidFill>
            </a:endParaRPr>
          </a:p>
        </p:txBody>
      </p:sp>
      <p:sp>
        <p:nvSpPr>
          <p:cNvPr id="11" name="Tekstboks 10"/>
          <p:cNvSpPr txBox="1"/>
          <p:nvPr/>
        </p:nvSpPr>
        <p:spPr>
          <a:xfrm rot="18409509">
            <a:off x="5199665" y="1410223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Bispebjerg</a:t>
            </a:r>
          </a:p>
        </p:txBody>
      </p:sp>
      <p:sp>
        <p:nvSpPr>
          <p:cNvPr id="12" name="Tekstboks 11"/>
          <p:cNvSpPr txBox="1"/>
          <p:nvPr/>
        </p:nvSpPr>
        <p:spPr>
          <a:xfrm rot="18409509">
            <a:off x="5561097" y="1410223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Psykiatrien</a:t>
            </a:r>
          </a:p>
        </p:txBody>
      </p:sp>
      <p:sp>
        <p:nvSpPr>
          <p:cNvPr id="13" name="Tekstboks 12"/>
          <p:cNvSpPr txBox="1"/>
          <p:nvPr/>
        </p:nvSpPr>
        <p:spPr>
          <a:xfrm rot="18409509">
            <a:off x="5885133" y="1410223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Hvidovre</a:t>
            </a:r>
          </a:p>
        </p:txBody>
      </p:sp>
      <p:sp>
        <p:nvSpPr>
          <p:cNvPr id="14" name="Tekstboks 13"/>
          <p:cNvSpPr txBox="1"/>
          <p:nvPr/>
        </p:nvSpPr>
        <p:spPr>
          <a:xfrm rot="18409509">
            <a:off x="6263175" y="1410223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Nordfløj 1+2</a:t>
            </a:r>
          </a:p>
        </p:txBody>
      </p:sp>
      <p:sp>
        <p:nvSpPr>
          <p:cNvPr id="15" name="Tekstboks 14"/>
          <p:cNvSpPr txBox="1"/>
          <p:nvPr/>
        </p:nvSpPr>
        <p:spPr>
          <a:xfrm rot="18409509">
            <a:off x="7004012" y="1567248"/>
            <a:ext cx="871097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Glostrup</a:t>
            </a:r>
          </a:p>
        </p:txBody>
      </p:sp>
      <p:sp>
        <p:nvSpPr>
          <p:cNvPr id="16" name="Tekstboks 15"/>
          <p:cNvSpPr txBox="1"/>
          <p:nvPr/>
        </p:nvSpPr>
        <p:spPr>
          <a:xfrm rot="18409509">
            <a:off x="6722294" y="1536124"/>
            <a:ext cx="755915" cy="33267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RH Steril-</a:t>
            </a:r>
          </a:p>
          <a:p>
            <a:r>
              <a:rPr lang="da-DK" sz="900" b="1" dirty="0"/>
              <a:t>central</a:t>
            </a:r>
          </a:p>
        </p:txBody>
      </p:sp>
      <p:sp>
        <p:nvSpPr>
          <p:cNvPr id="17" name="Tekstboks 16"/>
          <p:cNvSpPr txBox="1"/>
          <p:nvPr/>
        </p:nvSpPr>
        <p:spPr>
          <a:xfrm rot="18409509">
            <a:off x="7289289" y="1406472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Børneriget</a:t>
            </a:r>
          </a:p>
        </p:txBody>
      </p:sp>
      <p:sp>
        <p:nvSpPr>
          <p:cNvPr id="18" name="Tekstboks 17"/>
          <p:cNvSpPr txBox="1"/>
          <p:nvPr/>
        </p:nvSpPr>
        <p:spPr>
          <a:xfrm rot="18409509">
            <a:off x="8110121" y="1418570"/>
            <a:ext cx="990720" cy="32857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HGH Steril-</a:t>
            </a:r>
            <a:br>
              <a:rPr lang="da-DK" sz="900" b="1" dirty="0"/>
            </a:br>
            <a:r>
              <a:rPr lang="da-DK" sz="900" b="1" dirty="0"/>
              <a:t>central</a:t>
            </a:r>
          </a:p>
        </p:txBody>
      </p:sp>
      <p:sp>
        <p:nvSpPr>
          <p:cNvPr id="19" name="Tekstboks 18"/>
          <p:cNvSpPr txBox="1"/>
          <p:nvPr/>
        </p:nvSpPr>
        <p:spPr>
          <a:xfrm rot="18409509">
            <a:off x="8423415" y="1410223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Herlev</a:t>
            </a:r>
          </a:p>
        </p:txBody>
      </p:sp>
      <p:sp>
        <p:nvSpPr>
          <p:cNvPr id="20" name="Tekstboks 19"/>
          <p:cNvSpPr txBox="1"/>
          <p:nvPr/>
        </p:nvSpPr>
        <p:spPr>
          <a:xfrm rot="18409509">
            <a:off x="8855464" y="1410222"/>
            <a:ext cx="1230937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Steno</a:t>
            </a:r>
          </a:p>
        </p:txBody>
      </p:sp>
      <p:sp>
        <p:nvSpPr>
          <p:cNvPr id="32" name="Tekstboks 31"/>
          <p:cNvSpPr txBox="1"/>
          <p:nvPr/>
        </p:nvSpPr>
        <p:spPr>
          <a:xfrm>
            <a:off x="9248942" y="2720631"/>
            <a:ext cx="1344911" cy="157079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dirty="0">
                <a:solidFill>
                  <a:schemeClr val="bg1">
                    <a:lumMod val="50000"/>
                  </a:schemeClr>
                </a:solidFill>
              </a:rPr>
              <a:t>     </a:t>
            </a:r>
            <a:r>
              <a:rPr lang="da-DK" sz="900" b="1" dirty="0">
                <a:solidFill>
                  <a:schemeClr val="bg1">
                    <a:lumMod val="50000"/>
                  </a:schemeClr>
                </a:solidFill>
              </a:rPr>
              <a:t>CEJ projekt pipeline: </a:t>
            </a:r>
            <a:r>
              <a:rPr lang="da-DK" sz="900" dirty="0">
                <a:solidFill>
                  <a:schemeClr val="bg1">
                    <a:lumMod val="50000"/>
                  </a:schemeClr>
                </a:solidFill>
              </a:rPr>
              <a:t>Der gennemføres en screening af byggerier og renoveringer i CEJ for leverancer som involvere CIMT. </a:t>
            </a:r>
          </a:p>
          <a:p>
            <a:endParaRPr lang="da-DK" sz="900" dirty="0">
              <a:solidFill>
                <a:schemeClr val="bg1">
                  <a:lumMod val="50000"/>
                </a:schemeClr>
              </a:solidFill>
            </a:endParaRPr>
          </a:p>
          <a:p>
            <a:r>
              <a:rPr lang="da-DK" sz="900" dirty="0">
                <a:solidFill>
                  <a:schemeClr val="bg1">
                    <a:lumMod val="50000"/>
                  </a:schemeClr>
                </a:solidFill>
              </a:rPr>
              <a:t>Hvis en leverance skal indgå i Byggeprogrammet skal dette besluttes i styregruppen.</a:t>
            </a:r>
          </a:p>
        </p:txBody>
      </p:sp>
      <p:sp>
        <p:nvSpPr>
          <p:cNvPr id="71" name="Tekstboks 70"/>
          <p:cNvSpPr txBox="1"/>
          <p:nvPr/>
        </p:nvSpPr>
        <p:spPr>
          <a:xfrm>
            <a:off x="4072615" y="2678085"/>
            <a:ext cx="1308725" cy="23045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00B050"/>
                </a:solidFill>
              </a:rPr>
              <a:t>Infrastruktur</a:t>
            </a:r>
          </a:p>
        </p:txBody>
      </p:sp>
      <p:sp>
        <p:nvSpPr>
          <p:cNvPr id="72" name="Tekstboks 71"/>
          <p:cNvSpPr txBox="1"/>
          <p:nvPr/>
        </p:nvSpPr>
        <p:spPr>
          <a:xfrm>
            <a:off x="4072615" y="3125669"/>
            <a:ext cx="1308725" cy="23045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0070C0"/>
                </a:solidFill>
              </a:rPr>
              <a:t>Medico</a:t>
            </a:r>
          </a:p>
        </p:txBody>
      </p:sp>
      <p:sp>
        <p:nvSpPr>
          <p:cNvPr id="73" name="Tekstboks 72"/>
          <p:cNvSpPr txBox="1"/>
          <p:nvPr/>
        </p:nvSpPr>
        <p:spPr>
          <a:xfrm>
            <a:off x="4085198" y="4576860"/>
            <a:ext cx="1308725" cy="16454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7030A0"/>
                </a:solidFill>
              </a:rPr>
              <a:t>Systemer</a:t>
            </a:r>
          </a:p>
        </p:txBody>
      </p:sp>
      <p:sp>
        <p:nvSpPr>
          <p:cNvPr id="74" name="Tekstboks 73"/>
          <p:cNvSpPr txBox="1"/>
          <p:nvPr/>
        </p:nvSpPr>
        <p:spPr>
          <a:xfrm>
            <a:off x="4078907" y="5117599"/>
            <a:ext cx="1308725" cy="23045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FF8001"/>
                </a:solidFill>
              </a:rPr>
              <a:t>Drift og Support</a:t>
            </a:r>
          </a:p>
        </p:txBody>
      </p:sp>
      <p:sp>
        <p:nvSpPr>
          <p:cNvPr id="92" name="Tekstboks 91"/>
          <p:cNvSpPr txBox="1"/>
          <p:nvPr/>
        </p:nvSpPr>
        <p:spPr>
          <a:xfrm>
            <a:off x="3399537" y="2859134"/>
            <a:ext cx="1994386" cy="319433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825" dirty="0"/>
              <a:t>Netværk &amp; Telefoni: Lars Nyeman-Kofod</a:t>
            </a:r>
          </a:p>
          <a:p>
            <a:pPr algn="r"/>
            <a:r>
              <a:rPr lang="da-DK" sz="825" dirty="0"/>
              <a:t>Brugerstyring: Anne Katrine Pedersen</a:t>
            </a:r>
          </a:p>
        </p:txBody>
      </p:sp>
      <p:sp>
        <p:nvSpPr>
          <p:cNvPr id="93" name="Tekstboks 92"/>
          <p:cNvSpPr txBox="1"/>
          <p:nvPr/>
        </p:nvSpPr>
        <p:spPr>
          <a:xfrm>
            <a:off x="3481583" y="3260692"/>
            <a:ext cx="1912340" cy="825427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825" dirty="0"/>
              <a:t>Behdad Bakhshaie</a:t>
            </a:r>
          </a:p>
          <a:p>
            <a:pPr algn="r"/>
            <a:r>
              <a:rPr lang="da-DK" sz="825" dirty="0"/>
              <a:t>Herlev og Steno: Søren Petersen</a:t>
            </a:r>
          </a:p>
          <a:p>
            <a:pPr algn="r"/>
            <a:r>
              <a:rPr lang="da-DK" sz="825" dirty="0"/>
              <a:t>Børneriget og Nordfløj: Morten Breum</a:t>
            </a:r>
          </a:p>
          <a:p>
            <a:pPr algn="r"/>
            <a:r>
              <a:rPr lang="da-DK" sz="825" dirty="0"/>
              <a:t>Bispebjerg: Brian Kristensen </a:t>
            </a:r>
          </a:p>
          <a:p>
            <a:pPr algn="r"/>
            <a:r>
              <a:rPr lang="da-DK" sz="825" dirty="0"/>
              <a:t>Hvidovre og Glostrup: Bo Christensen</a:t>
            </a:r>
          </a:p>
          <a:p>
            <a:pPr algn="r"/>
            <a:r>
              <a:rPr lang="da-DK" sz="825" dirty="0"/>
              <a:t>Nordsjælland: Anette Christoffersen</a:t>
            </a:r>
          </a:p>
          <a:p>
            <a:pPr algn="r"/>
            <a:endParaRPr lang="da-DK" sz="825" dirty="0"/>
          </a:p>
          <a:p>
            <a:pPr algn="r"/>
            <a:endParaRPr lang="da-DK" sz="825" dirty="0"/>
          </a:p>
        </p:txBody>
      </p:sp>
      <p:sp>
        <p:nvSpPr>
          <p:cNvPr id="94" name="Tekstboks 93"/>
          <p:cNvSpPr txBox="1"/>
          <p:nvPr/>
        </p:nvSpPr>
        <p:spPr>
          <a:xfrm>
            <a:off x="3469958" y="4716234"/>
            <a:ext cx="1923965" cy="46645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825" dirty="0"/>
              <a:t>SP: Caroline K. K. Dahl</a:t>
            </a:r>
            <a:br>
              <a:rPr lang="da-DK" sz="825" dirty="0"/>
            </a:br>
            <a:r>
              <a:rPr lang="da-DK" sz="825" dirty="0"/>
              <a:t>Systemer, systemenheden: Peter Lafrenz</a:t>
            </a:r>
          </a:p>
          <a:p>
            <a:pPr algn="r"/>
            <a:r>
              <a:rPr lang="da-DK" sz="825" dirty="0"/>
              <a:t>Integrationsudv.: Marianne Toftgaard</a:t>
            </a:r>
          </a:p>
        </p:txBody>
      </p:sp>
      <p:sp>
        <p:nvSpPr>
          <p:cNvPr id="95" name="Tekstboks 94"/>
          <p:cNvSpPr txBox="1"/>
          <p:nvPr/>
        </p:nvSpPr>
        <p:spPr>
          <a:xfrm>
            <a:off x="3417439" y="5258914"/>
            <a:ext cx="1989992" cy="29326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825" dirty="0"/>
              <a:t>Opgavekoordinator: Henrik Haastrup</a:t>
            </a:r>
          </a:p>
        </p:txBody>
      </p:sp>
      <p:cxnSp>
        <p:nvCxnSpPr>
          <p:cNvPr id="49" name="Lige forbindelse 48"/>
          <p:cNvCxnSpPr>
            <a:cxnSpLocks/>
          </p:cNvCxnSpPr>
          <p:nvPr/>
        </p:nvCxnSpPr>
        <p:spPr>
          <a:xfrm>
            <a:off x="5459048" y="2079250"/>
            <a:ext cx="0" cy="3455984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forbindelse 49"/>
          <p:cNvCxnSpPr>
            <a:cxnSpLocks/>
          </p:cNvCxnSpPr>
          <p:nvPr/>
        </p:nvCxnSpPr>
        <p:spPr>
          <a:xfrm flipH="1">
            <a:off x="5788960" y="2079250"/>
            <a:ext cx="1" cy="3455984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Lige forbindelse 50"/>
          <p:cNvCxnSpPr>
            <a:cxnSpLocks/>
          </p:cNvCxnSpPr>
          <p:nvPr/>
        </p:nvCxnSpPr>
        <p:spPr>
          <a:xfrm>
            <a:off x="6143936" y="2080504"/>
            <a:ext cx="0" cy="345473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Lige forbindelse 51"/>
          <p:cNvCxnSpPr>
            <a:cxnSpLocks/>
          </p:cNvCxnSpPr>
          <p:nvPr/>
        </p:nvCxnSpPr>
        <p:spPr>
          <a:xfrm flipH="1">
            <a:off x="6495574" y="2080504"/>
            <a:ext cx="1" cy="345473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Lige forbindelse 52"/>
          <p:cNvCxnSpPr>
            <a:cxnSpLocks/>
          </p:cNvCxnSpPr>
          <p:nvPr/>
        </p:nvCxnSpPr>
        <p:spPr>
          <a:xfrm>
            <a:off x="6831804" y="2083695"/>
            <a:ext cx="0" cy="345154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Lige forbindelse 53"/>
          <p:cNvCxnSpPr>
            <a:cxnSpLocks/>
          </p:cNvCxnSpPr>
          <p:nvPr/>
        </p:nvCxnSpPr>
        <p:spPr>
          <a:xfrm>
            <a:off x="7194102" y="2085594"/>
            <a:ext cx="14370" cy="344964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Lige forbindelse 54"/>
          <p:cNvCxnSpPr>
            <a:cxnSpLocks/>
          </p:cNvCxnSpPr>
          <p:nvPr/>
        </p:nvCxnSpPr>
        <p:spPr>
          <a:xfrm>
            <a:off x="7563596" y="2130372"/>
            <a:ext cx="0" cy="3404862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Lige forbindelse 55"/>
          <p:cNvCxnSpPr>
            <a:cxnSpLocks/>
          </p:cNvCxnSpPr>
          <p:nvPr/>
        </p:nvCxnSpPr>
        <p:spPr>
          <a:xfrm>
            <a:off x="7943453" y="2079250"/>
            <a:ext cx="0" cy="3455984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Lige forbindelse 56"/>
          <p:cNvCxnSpPr>
            <a:cxnSpLocks/>
          </p:cNvCxnSpPr>
          <p:nvPr/>
        </p:nvCxnSpPr>
        <p:spPr>
          <a:xfrm>
            <a:off x="8293709" y="2083695"/>
            <a:ext cx="0" cy="345154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Lige forbindelse 57"/>
          <p:cNvCxnSpPr>
            <a:cxnSpLocks/>
          </p:cNvCxnSpPr>
          <p:nvPr/>
        </p:nvCxnSpPr>
        <p:spPr>
          <a:xfrm>
            <a:off x="9075245" y="2078604"/>
            <a:ext cx="0" cy="3456630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Lige forbindelse 243"/>
          <p:cNvCxnSpPr>
            <a:cxnSpLocks/>
          </p:cNvCxnSpPr>
          <p:nvPr/>
        </p:nvCxnSpPr>
        <p:spPr>
          <a:xfrm>
            <a:off x="5499072" y="2402887"/>
            <a:ext cx="4091062" cy="0"/>
          </a:xfrm>
          <a:prstGeom prst="line">
            <a:avLst/>
          </a:prstGeom>
          <a:ln w="952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Afrundet rektangel 43"/>
          <p:cNvSpPr/>
          <p:nvPr/>
        </p:nvSpPr>
        <p:spPr>
          <a:xfrm>
            <a:off x="5407598" y="2203495"/>
            <a:ext cx="1004740" cy="450613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900" dirty="0"/>
              <a:t>SPOC </a:t>
            </a:r>
          </a:p>
          <a:p>
            <a:pPr algn="ctr"/>
            <a:r>
              <a:rPr lang="da-DK" sz="900" dirty="0"/>
              <a:t>Anders Bender</a:t>
            </a:r>
          </a:p>
        </p:txBody>
      </p:sp>
      <p:sp>
        <p:nvSpPr>
          <p:cNvPr id="45" name="Afrundet rektangel 44"/>
          <p:cNvSpPr/>
          <p:nvPr/>
        </p:nvSpPr>
        <p:spPr>
          <a:xfrm>
            <a:off x="6431142" y="2203493"/>
            <a:ext cx="700941" cy="446690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900" dirty="0"/>
              <a:t>SPOC</a:t>
            </a:r>
          </a:p>
          <a:p>
            <a:pPr algn="ctr"/>
            <a:r>
              <a:rPr lang="da-DK" sz="900" dirty="0"/>
              <a:t>Pernille Gotthard</a:t>
            </a:r>
          </a:p>
        </p:txBody>
      </p:sp>
      <p:sp>
        <p:nvSpPr>
          <p:cNvPr id="6" name="Afrundet rektangel 5"/>
          <p:cNvSpPr/>
          <p:nvPr/>
        </p:nvSpPr>
        <p:spPr>
          <a:xfrm>
            <a:off x="5356218" y="5597349"/>
            <a:ext cx="5174734" cy="324587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350" dirty="0"/>
              <a:t>CIMT Programorganisation</a:t>
            </a:r>
          </a:p>
        </p:txBody>
      </p:sp>
      <p:sp>
        <p:nvSpPr>
          <p:cNvPr id="179" name="Afrundet rektangel 178"/>
          <p:cNvSpPr/>
          <p:nvPr/>
        </p:nvSpPr>
        <p:spPr>
          <a:xfrm>
            <a:off x="1686745" y="5589241"/>
            <a:ext cx="3653096" cy="324587"/>
          </a:xfrm>
          <a:prstGeom prst="roundRect">
            <a:avLst/>
          </a:prstGeom>
          <a:ln/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350" dirty="0"/>
              <a:t>CIMT Linjeorganisation</a:t>
            </a:r>
          </a:p>
        </p:txBody>
      </p:sp>
      <p:sp>
        <p:nvSpPr>
          <p:cNvPr id="177" name="Afrundet rektangel 176"/>
          <p:cNvSpPr/>
          <p:nvPr/>
        </p:nvSpPr>
        <p:spPr>
          <a:xfrm>
            <a:off x="1636853" y="3808977"/>
            <a:ext cx="1462300" cy="458952"/>
          </a:xfrm>
          <a:prstGeom prst="roundRect">
            <a:avLst/>
          </a:prstGeom>
          <a:solidFill>
            <a:schemeClr val="bg1"/>
          </a:solidFill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grpSp>
        <p:nvGrpSpPr>
          <p:cNvPr id="1037" name="Gruppe 1036"/>
          <p:cNvGrpSpPr/>
          <p:nvPr/>
        </p:nvGrpSpPr>
        <p:grpSpPr>
          <a:xfrm>
            <a:off x="1588937" y="2594502"/>
            <a:ext cx="1797494" cy="2940732"/>
            <a:chOff x="522515" y="2281106"/>
            <a:chExt cx="2396659" cy="3195202"/>
          </a:xfrm>
        </p:grpSpPr>
        <p:sp>
          <p:nvSpPr>
            <p:cNvPr id="233" name="Afrundet rektangel 232"/>
            <p:cNvSpPr/>
            <p:nvPr/>
          </p:nvSpPr>
          <p:spPr>
            <a:xfrm>
              <a:off x="586403" y="2402759"/>
              <a:ext cx="1943117" cy="529502"/>
            </a:xfrm>
            <a:prstGeom prst="roundRect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da-DK" sz="1350" dirty="0" err="1"/>
            </a:p>
          </p:txBody>
        </p:sp>
        <p:sp>
          <p:nvSpPr>
            <p:cNvPr id="234" name="Afrundet rektangel 233"/>
            <p:cNvSpPr/>
            <p:nvPr/>
          </p:nvSpPr>
          <p:spPr>
            <a:xfrm>
              <a:off x="579787" y="2992423"/>
              <a:ext cx="1949733" cy="521022"/>
            </a:xfrm>
            <a:prstGeom prst="roundRect">
              <a:avLst/>
            </a:prstGeom>
            <a:solidFill>
              <a:schemeClr val="bg1"/>
            </a:solidFill>
            <a:ln w="38100"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da-DK" sz="1350" dirty="0" err="1"/>
            </a:p>
          </p:txBody>
        </p:sp>
        <p:sp>
          <p:nvSpPr>
            <p:cNvPr id="235" name="Afrundet rektangel 234"/>
            <p:cNvSpPr/>
            <p:nvPr/>
          </p:nvSpPr>
          <p:spPr>
            <a:xfrm>
              <a:off x="586403" y="4200571"/>
              <a:ext cx="1955064" cy="637946"/>
            </a:xfrm>
            <a:prstGeom prst="roundRect">
              <a:avLst/>
            </a:prstGeom>
            <a:solidFill>
              <a:schemeClr val="bg1"/>
            </a:solidFill>
            <a:ln w="38100">
              <a:solidFill>
                <a:srgbClr val="7030A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da-DK" sz="1350" dirty="0" err="1"/>
            </a:p>
          </p:txBody>
        </p:sp>
        <p:sp>
          <p:nvSpPr>
            <p:cNvPr id="236" name="Afrundet rektangel 235"/>
            <p:cNvSpPr/>
            <p:nvPr/>
          </p:nvSpPr>
          <p:spPr>
            <a:xfrm>
              <a:off x="586403" y="4912105"/>
              <a:ext cx="1927963" cy="492723"/>
            </a:xfrm>
            <a:prstGeom prst="roundRect">
              <a:avLst/>
            </a:prstGeom>
            <a:solidFill>
              <a:schemeClr val="bg1"/>
            </a:solidFill>
            <a:ln w="38100">
              <a:solidFill>
                <a:srgbClr val="FF800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da-DK" sz="1350" dirty="0" err="1">
                <a:solidFill>
                  <a:srgbClr val="FF8001"/>
                </a:solidFill>
              </a:endParaRPr>
            </a:p>
          </p:txBody>
        </p:sp>
        <p:sp>
          <p:nvSpPr>
            <p:cNvPr id="68" name="Afrundet rektangel 67"/>
            <p:cNvSpPr/>
            <p:nvPr/>
          </p:nvSpPr>
          <p:spPr>
            <a:xfrm rot="16200000">
              <a:off x="1105549" y="3662683"/>
              <a:ext cx="3195202" cy="432048"/>
            </a:xfrm>
            <a:prstGeom prst="roundRect">
              <a:avLst/>
            </a:prstGeom>
            <a:solidFill>
              <a:schemeClr val="bg1">
                <a:lumMod val="65000"/>
              </a:schemeClr>
            </a:solidFill>
            <a:ln/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sz="900" b="1" dirty="0"/>
                <a:t>CIMT Leveranceansvarlige </a:t>
              </a:r>
            </a:p>
          </p:txBody>
        </p:sp>
        <p:sp>
          <p:nvSpPr>
            <p:cNvPr id="220" name="Tekstboks 219"/>
            <p:cNvSpPr txBox="1"/>
            <p:nvPr/>
          </p:nvSpPr>
          <p:spPr>
            <a:xfrm>
              <a:off x="769079" y="2472877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00B050"/>
                  </a:solidFill>
                </a:rPr>
                <a:t>Infrastruktur</a:t>
              </a:r>
            </a:p>
          </p:txBody>
        </p:sp>
        <p:sp>
          <p:nvSpPr>
            <p:cNvPr id="221" name="Tekstboks 220"/>
            <p:cNvSpPr txBox="1"/>
            <p:nvPr/>
          </p:nvSpPr>
          <p:spPr>
            <a:xfrm>
              <a:off x="766625" y="2673401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00B050"/>
                  </a:solidFill>
                </a:rPr>
                <a:t>Byggeteam</a:t>
              </a:r>
            </a:p>
          </p:txBody>
        </p:sp>
        <p:sp>
          <p:nvSpPr>
            <p:cNvPr id="222" name="Tekstboks 221"/>
            <p:cNvSpPr txBox="1"/>
            <p:nvPr/>
          </p:nvSpPr>
          <p:spPr>
            <a:xfrm>
              <a:off x="522515" y="3678542"/>
              <a:ext cx="1912917" cy="23752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FF0000"/>
                  </a:solidFill>
                </a:rPr>
                <a:t>Rådgivning v. Systemvalg</a:t>
              </a:r>
            </a:p>
          </p:txBody>
        </p:sp>
        <p:sp>
          <p:nvSpPr>
            <p:cNvPr id="223" name="Tekstboks 222"/>
            <p:cNvSpPr txBox="1"/>
            <p:nvPr/>
          </p:nvSpPr>
          <p:spPr>
            <a:xfrm>
              <a:off x="762470" y="3872261"/>
              <a:ext cx="1656184" cy="22057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FF0000"/>
                  </a:solidFill>
                </a:rPr>
                <a:t>Innovation, Governance</a:t>
              </a:r>
            </a:p>
          </p:txBody>
        </p:sp>
        <p:sp>
          <p:nvSpPr>
            <p:cNvPr id="224" name="Tekstboks 223"/>
            <p:cNvSpPr txBox="1"/>
            <p:nvPr/>
          </p:nvSpPr>
          <p:spPr>
            <a:xfrm>
              <a:off x="769079" y="3080383"/>
              <a:ext cx="1656184" cy="22335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0070C0"/>
                  </a:solidFill>
                </a:rPr>
                <a:t>Medicoteknik</a:t>
              </a:r>
            </a:p>
            <a:p>
              <a:pPr algn="r"/>
              <a:endParaRPr lang="da-DK" sz="900" dirty="0">
                <a:solidFill>
                  <a:srgbClr val="0070C0"/>
                </a:solidFill>
              </a:endParaRPr>
            </a:p>
          </p:txBody>
        </p:sp>
        <p:sp>
          <p:nvSpPr>
            <p:cNvPr id="226" name="Tekstboks 225"/>
            <p:cNvSpPr txBox="1"/>
            <p:nvPr/>
          </p:nvSpPr>
          <p:spPr>
            <a:xfrm>
              <a:off x="772285" y="4254357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7030A0"/>
                  </a:solidFill>
                </a:rPr>
                <a:t>Organisationsændringer</a:t>
              </a:r>
            </a:p>
          </p:txBody>
        </p:sp>
        <p:sp>
          <p:nvSpPr>
            <p:cNvPr id="227" name="Tekstboks 226"/>
            <p:cNvSpPr txBox="1"/>
            <p:nvPr/>
          </p:nvSpPr>
          <p:spPr>
            <a:xfrm>
              <a:off x="772285" y="4440237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7030A0"/>
                  </a:solidFill>
                </a:rPr>
                <a:t>Sundhedsplatform</a:t>
              </a:r>
            </a:p>
          </p:txBody>
        </p:sp>
        <p:sp>
          <p:nvSpPr>
            <p:cNvPr id="228" name="Tekstboks 227"/>
            <p:cNvSpPr txBox="1"/>
            <p:nvPr/>
          </p:nvSpPr>
          <p:spPr>
            <a:xfrm>
              <a:off x="772285" y="4619073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7030A0"/>
                  </a:solidFill>
                </a:rPr>
                <a:t>Systemenheden</a:t>
              </a:r>
            </a:p>
          </p:txBody>
        </p:sp>
        <p:sp>
          <p:nvSpPr>
            <p:cNvPr id="229" name="Tekstboks 228"/>
            <p:cNvSpPr txBox="1"/>
            <p:nvPr/>
          </p:nvSpPr>
          <p:spPr>
            <a:xfrm>
              <a:off x="772285" y="4973002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FF8001"/>
                  </a:solidFill>
                </a:rPr>
                <a:t>IT Devices</a:t>
              </a:r>
            </a:p>
          </p:txBody>
        </p:sp>
        <p:sp>
          <p:nvSpPr>
            <p:cNvPr id="230" name="Tekstboks 229"/>
            <p:cNvSpPr txBox="1"/>
            <p:nvPr/>
          </p:nvSpPr>
          <p:spPr>
            <a:xfrm>
              <a:off x="772285" y="5174548"/>
              <a:ext cx="1656184" cy="20052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r"/>
              <a:r>
                <a:rPr lang="da-DK" sz="900" dirty="0">
                  <a:solidFill>
                    <a:srgbClr val="FF8001"/>
                  </a:solidFill>
                </a:rPr>
                <a:t>Onsite</a:t>
              </a:r>
            </a:p>
          </p:txBody>
        </p:sp>
      </p:grpSp>
      <p:sp>
        <p:nvSpPr>
          <p:cNvPr id="21" name="Ellipse 20"/>
          <p:cNvSpPr/>
          <p:nvPr/>
        </p:nvSpPr>
        <p:spPr>
          <a:xfrm>
            <a:off x="5415457" y="2067442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2" name="Ellipse 21"/>
          <p:cNvSpPr/>
          <p:nvPr/>
        </p:nvSpPr>
        <p:spPr>
          <a:xfrm>
            <a:off x="5751500" y="2067442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3" name="Ellipse 22"/>
          <p:cNvSpPr/>
          <p:nvPr/>
        </p:nvSpPr>
        <p:spPr>
          <a:xfrm>
            <a:off x="6102735" y="2067442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" name="Ellipse 23"/>
          <p:cNvSpPr/>
          <p:nvPr/>
        </p:nvSpPr>
        <p:spPr>
          <a:xfrm>
            <a:off x="6455080" y="2067441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" name="Ellipse 24"/>
          <p:cNvSpPr/>
          <p:nvPr/>
        </p:nvSpPr>
        <p:spPr>
          <a:xfrm>
            <a:off x="6794957" y="2067441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" name="Ellipse 25"/>
          <p:cNvSpPr/>
          <p:nvPr/>
        </p:nvSpPr>
        <p:spPr>
          <a:xfrm>
            <a:off x="7153611" y="2067441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7" name="Ellipse 26"/>
          <p:cNvSpPr/>
          <p:nvPr/>
        </p:nvSpPr>
        <p:spPr>
          <a:xfrm>
            <a:off x="7529637" y="2064996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8" name="Ellipse 27"/>
          <p:cNvSpPr/>
          <p:nvPr/>
        </p:nvSpPr>
        <p:spPr>
          <a:xfrm>
            <a:off x="7901958" y="2064996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9" name="Ellipse 28"/>
          <p:cNvSpPr/>
          <p:nvPr/>
        </p:nvSpPr>
        <p:spPr>
          <a:xfrm>
            <a:off x="8253218" y="2064996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30" name="Ellipse 29"/>
          <p:cNvSpPr/>
          <p:nvPr/>
        </p:nvSpPr>
        <p:spPr>
          <a:xfrm>
            <a:off x="9034754" y="2067441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86" name="Afrundet rektangel 44">
            <a:extLst>
              <a:ext uri="{FF2B5EF4-FFF2-40B4-BE49-F238E27FC236}">
                <a16:creationId xmlns:a16="http://schemas.microsoft.com/office/drawing/2014/main" id="{E75F020B-3490-4637-91D3-56D2E772EA7D}"/>
              </a:ext>
            </a:extLst>
          </p:cNvPr>
          <p:cNvSpPr/>
          <p:nvPr/>
        </p:nvSpPr>
        <p:spPr>
          <a:xfrm>
            <a:off x="7131028" y="2208383"/>
            <a:ext cx="980054" cy="441801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900" dirty="0"/>
              <a:t>SPOC</a:t>
            </a:r>
          </a:p>
          <a:p>
            <a:pPr algn="ctr"/>
            <a:r>
              <a:rPr lang="da-DK" sz="900" dirty="0"/>
              <a:t>Tina Kjørnæs</a:t>
            </a:r>
          </a:p>
        </p:txBody>
      </p:sp>
      <p:sp>
        <p:nvSpPr>
          <p:cNvPr id="188" name="Afrundet rektangel 43">
            <a:extLst>
              <a:ext uri="{FF2B5EF4-FFF2-40B4-BE49-F238E27FC236}">
                <a16:creationId xmlns:a16="http://schemas.microsoft.com/office/drawing/2014/main" id="{5D1A9C61-E0B8-4976-90E9-329DF96D2B22}"/>
              </a:ext>
            </a:extLst>
          </p:cNvPr>
          <p:cNvSpPr/>
          <p:nvPr/>
        </p:nvSpPr>
        <p:spPr>
          <a:xfrm>
            <a:off x="9371546" y="2216232"/>
            <a:ext cx="1155687" cy="426451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900" dirty="0"/>
              <a:t>Programledelse </a:t>
            </a:r>
          </a:p>
          <a:p>
            <a:pPr algn="ctr"/>
            <a:r>
              <a:rPr lang="da-DK" sz="900" dirty="0"/>
              <a:t>&amp; Support </a:t>
            </a:r>
          </a:p>
        </p:txBody>
      </p:sp>
      <p:cxnSp>
        <p:nvCxnSpPr>
          <p:cNvPr id="190" name="Lige forbindelse 189">
            <a:extLst>
              <a:ext uri="{FF2B5EF4-FFF2-40B4-BE49-F238E27FC236}">
                <a16:creationId xmlns:a16="http://schemas.microsoft.com/office/drawing/2014/main" id="{D94E37E0-7FFD-47CE-A0FC-FD6E8A210E06}"/>
              </a:ext>
            </a:extLst>
          </p:cNvPr>
          <p:cNvCxnSpPr>
            <a:cxnSpLocks/>
            <a:stCxn id="198" idx="2"/>
            <a:endCxn id="261" idx="6"/>
          </p:cNvCxnSpPr>
          <p:nvPr/>
        </p:nvCxnSpPr>
        <p:spPr>
          <a:xfrm flipV="1">
            <a:off x="5416223" y="4656697"/>
            <a:ext cx="3706668" cy="646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Lige forbindelse 190">
            <a:extLst>
              <a:ext uri="{FF2B5EF4-FFF2-40B4-BE49-F238E27FC236}">
                <a16:creationId xmlns:a16="http://schemas.microsoft.com/office/drawing/2014/main" id="{67192216-7BD9-42D7-BF74-AFAE1EBB0D8B}"/>
              </a:ext>
            </a:extLst>
          </p:cNvPr>
          <p:cNvCxnSpPr>
            <a:cxnSpLocks/>
          </p:cNvCxnSpPr>
          <p:nvPr/>
        </p:nvCxnSpPr>
        <p:spPr>
          <a:xfrm flipV="1">
            <a:off x="5416223" y="4112968"/>
            <a:ext cx="3706668" cy="646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Lige forbindelse 191">
            <a:extLst>
              <a:ext uri="{FF2B5EF4-FFF2-40B4-BE49-F238E27FC236}">
                <a16:creationId xmlns:a16="http://schemas.microsoft.com/office/drawing/2014/main" id="{A4FB078F-6EF5-418A-8DCF-BF42B34474A9}"/>
              </a:ext>
            </a:extLst>
          </p:cNvPr>
          <p:cNvCxnSpPr>
            <a:cxnSpLocks/>
          </p:cNvCxnSpPr>
          <p:nvPr/>
        </p:nvCxnSpPr>
        <p:spPr>
          <a:xfrm flipV="1">
            <a:off x="5417624" y="3217348"/>
            <a:ext cx="3706668" cy="646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Lige forbindelse 192">
            <a:extLst>
              <a:ext uri="{FF2B5EF4-FFF2-40B4-BE49-F238E27FC236}">
                <a16:creationId xmlns:a16="http://schemas.microsoft.com/office/drawing/2014/main" id="{E896D3CD-3387-460C-9AEC-031AF08EA955}"/>
              </a:ext>
            </a:extLst>
          </p:cNvPr>
          <p:cNvCxnSpPr>
            <a:cxnSpLocks/>
            <a:endCxn id="258" idx="2"/>
          </p:cNvCxnSpPr>
          <p:nvPr/>
        </p:nvCxnSpPr>
        <p:spPr>
          <a:xfrm>
            <a:off x="5416223" y="2760533"/>
            <a:ext cx="3623819" cy="11938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Lige forbindelse 193">
            <a:extLst>
              <a:ext uri="{FF2B5EF4-FFF2-40B4-BE49-F238E27FC236}">
                <a16:creationId xmlns:a16="http://schemas.microsoft.com/office/drawing/2014/main" id="{0FEDDC69-214C-41A8-81F6-88D8E14C7AE3}"/>
              </a:ext>
            </a:extLst>
          </p:cNvPr>
          <p:cNvCxnSpPr>
            <a:cxnSpLocks/>
          </p:cNvCxnSpPr>
          <p:nvPr/>
        </p:nvCxnSpPr>
        <p:spPr>
          <a:xfrm flipV="1">
            <a:off x="5420014" y="5178153"/>
            <a:ext cx="3700322" cy="646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Ellipse 194">
            <a:extLst>
              <a:ext uri="{FF2B5EF4-FFF2-40B4-BE49-F238E27FC236}">
                <a16:creationId xmlns:a16="http://schemas.microsoft.com/office/drawing/2014/main" id="{A1D6704E-C792-451B-B198-2D23C501AAD2}"/>
              </a:ext>
            </a:extLst>
          </p:cNvPr>
          <p:cNvSpPr/>
          <p:nvPr/>
        </p:nvSpPr>
        <p:spPr>
          <a:xfrm>
            <a:off x="5416222" y="2727246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96" name="Ellipse 195">
            <a:extLst>
              <a:ext uri="{FF2B5EF4-FFF2-40B4-BE49-F238E27FC236}">
                <a16:creationId xmlns:a16="http://schemas.microsoft.com/office/drawing/2014/main" id="{074F9AF8-402F-4A83-8870-2B3DF3732C3D}"/>
              </a:ext>
            </a:extLst>
          </p:cNvPr>
          <p:cNvSpPr/>
          <p:nvPr/>
        </p:nvSpPr>
        <p:spPr>
          <a:xfrm>
            <a:off x="5417623" y="3171883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97" name="Ellipse 196">
            <a:extLst>
              <a:ext uri="{FF2B5EF4-FFF2-40B4-BE49-F238E27FC236}">
                <a16:creationId xmlns:a16="http://schemas.microsoft.com/office/drawing/2014/main" id="{661F35BD-B0AA-4975-B5EB-EE85D346A5F5}"/>
              </a:ext>
            </a:extLst>
          </p:cNvPr>
          <p:cNvSpPr/>
          <p:nvPr/>
        </p:nvSpPr>
        <p:spPr>
          <a:xfrm>
            <a:off x="5416222" y="4074035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98" name="Ellipse 197">
            <a:extLst>
              <a:ext uri="{FF2B5EF4-FFF2-40B4-BE49-F238E27FC236}">
                <a16:creationId xmlns:a16="http://schemas.microsoft.com/office/drawing/2014/main" id="{510AF042-D727-49E3-BA38-2BA6AEB57000}"/>
              </a:ext>
            </a:extLst>
          </p:cNvPr>
          <p:cNvSpPr/>
          <p:nvPr/>
        </p:nvSpPr>
        <p:spPr>
          <a:xfrm>
            <a:off x="5416222" y="4617764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99" name="Ellipse 198">
            <a:extLst>
              <a:ext uri="{FF2B5EF4-FFF2-40B4-BE49-F238E27FC236}">
                <a16:creationId xmlns:a16="http://schemas.microsoft.com/office/drawing/2014/main" id="{3CD33E74-006F-458C-A890-0EB74F3BE537}"/>
              </a:ext>
            </a:extLst>
          </p:cNvPr>
          <p:cNvSpPr/>
          <p:nvPr/>
        </p:nvSpPr>
        <p:spPr>
          <a:xfrm>
            <a:off x="5420014" y="5145271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0" name="Ellipse 199">
            <a:extLst>
              <a:ext uri="{FF2B5EF4-FFF2-40B4-BE49-F238E27FC236}">
                <a16:creationId xmlns:a16="http://schemas.microsoft.com/office/drawing/2014/main" id="{09030985-9A5E-4FAC-BA73-9A9A816DEBDA}"/>
              </a:ext>
            </a:extLst>
          </p:cNvPr>
          <p:cNvSpPr/>
          <p:nvPr/>
        </p:nvSpPr>
        <p:spPr>
          <a:xfrm>
            <a:off x="5743568" y="2727246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1" name="Ellipse 200">
            <a:extLst>
              <a:ext uri="{FF2B5EF4-FFF2-40B4-BE49-F238E27FC236}">
                <a16:creationId xmlns:a16="http://schemas.microsoft.com/office/drawing/2014/main" id="{80A05577-1DB7-431E-9D5C-FD14055C1617}"/>
              </a:ext>
            </a:extLst>
          </p:cNvPr>
          <p:cNvSpPr/>
          <p:nvPr/>
        </p:nvSpPr>
        <p:spPr>
          <a:xfrm>
            <a:off x="5744969" y="3171883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2" name="Ellipse 201">
            <a:extLst>
              <a:ext uri="{FF2B5EF4-FFF2-40B4-BE49-F238E27FC236}">
                <a16:creationId xmlns:a16="http://schemas.microsoft.com/office/drawing/2014/main" id="{DBC9FE1D-9EEC-42EA-8137-ADA041EC6421}"/>
              </a:ext>
            </a:extLst>
          </p:cNvPr>
          <p:cNvSpPr/>
          <p:nvPr/>
        </p:nvSpPr>
        <p:spPr>
          <a:xfrm>
            <a:off x="5743568" y="4074035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3" name="Ellipse 202">
            <a:extLst>
              <a:ext uri="{FF2B5EF4-FFF2-40B4-BE49-F238E27FC236}">
                <a16:creationId xmlns:a16="http://schemas.microsoft.com/office/drawing/2014/main" id="{4698A302-0897-486E-81E2-AC2458D2C992}"/>
              </a:ext>
            </a:extLst>
          </p:cNvPr>
          <p:cNvSpPr/>
          <p:nvPr/>
        </p:nvSpPr>
        <p:spPr>
          <a:xfrm>
            <a:off x="5743568" y="4617764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4" name="Ellipse 203">
            <a:extLst>
              <a:ext uri="{FF2B5EF4-FFF2-40B4-BE49-F238E27FC236}">
                <a16:creationId xmlns:a16="http://schemas.microsoft.com/office/drawing/2014/main" id="{CA2ABE90-62C1-475A-A148-0917D14018BA}"/>
              </a:ext>
            </a:extLst>
          </p:cNvPr>
          <p:cNvSpPr/>
          <p:nvPr/>
        </p:nvSpPr>
        <p:spPr>
          <a:xfrm>
            <a:off x="5747359" y="5145271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5" name="Ellipse 204">
            <a:extLst>
              <a:ext uri="{FF2B5EF4-FFF2-40B4-BE49-F238E27FC236}">
                <a16:creationId xmlns:a16="http://schemas.microsoft.com/office/drawing/2014/main" id="{58F09047-1585-4962-AF3C-C555F099F7F3}"/>
              </a:ext>
            </a:extLst>
          </p:cNvPr>
          <p:cNvSpPr/>
          <p:nvPr/>
        </p:nvSpPr>
        <p:spPr>
          <a:xfrm>
            <a:off x="6094803" y="2729000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6" name="Ellipse 205">
            <a:extLst>
              <a:ext uri="{FF2B5EF4-FFF2-40B4-BE49-F238E27FC236}">
                <a16:creationId xmlns:a16="http://schemas.microsoft.com/office/drawing/2014/main" id="{52DC2EF5-A210-45FF-AE8E-C042331E2403}"/>
              </a:ext>
            </a:extLst>
          </p:cNvPr>
          <p:cNvSpPr/>
          <p:nvPr/>
        </p:nvSpPr>
        <p:spPr>
          <a:xfrm>
            <a:off x="6096204" y="3173638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7" name="Ellipse 206">
            <a:extLst>
              <a:ext uri="{FF2B5EF4-FFF2-40B4-BE49-F238E27FC236}">
                <a16:creationId xmlns:a16="http://schemas.microsoft.com/office/drawing/2014/main" id="{C60C7185-F688-4E7E-BACE-AEC052932572}"/>
              </a:ext>
            </a:extLst>
          </p:cNvPr>
          <p:cNvSpPr/>
          <p:nvPr/>
        </p:nvSpPr>
        <p:spPr>
          <a:xfrm>
            <a:off x="6094803" y="4075789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8" name="Ellipse 207">
            <a:extLst>
              <a:ext uri="{FF2B5EF4-FFF2-40B4-BE49-F238E27FC236}">
                <a16:creationId xmlns:a16="http://schemas.microsoft.com/office/drawing/2014/main" id="{B9CA1423-FB08-4AE3-980E-72B89284BA6F}"/>
              </a:ext>
            </a:extLst>
          </p:cNvPr>
          <p:cNvSpPr/>
          <p:nvPr/>
        </p:nvSpPr>
        <p:spPr>
          <a:xfrm>
            <a:off x="6094803" y="4619518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09" name="Ellipse 208">
            <a:extLst>
              <a:ext uri="{FF2B5EF4-FFF2-40B4-BE49-F238E27FC236}">
                <a16:creationId xmlns:a16="http://schemas.microsoft.com/office/drawing/2014/main" id="{C1741976-AFE0-4158-863E-51EB3EC19095}"/>
              </a:ext>
            </a:extLst>
          </p:cNvPr>
          <p:cNvSpPr/>
          <p:nvPr/>
        </p:nvSpPr>
        <p:spPr>
          <a:xfrm>
            <a:off x="6098594" y="5147026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0" name="Ellipse 209">
            <a:extLst>
              <a:ext uri="{FF2B5EF4-FFF2-40B4-BE49-F238E27FC236}">
                <a16:creationId xmlns:a16="http://schemas.microsoft.com/office/drawing/2014/main" id="{3702C753-693E-4E16-A346-E341AEC7C571}"/>
              </a:ext>
            </a:extLst>
          </p:cNvPr>
          <p:cNvSpPr/>
          <p:nvPr/>
        </p:nvSpPr>
        <p:spPr>
          <a:xfrm>
            <a:off x="6454999" y="2728999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1" name="Ellipse 210">
            <a:extLst>
              <a:ext uri="{FF2B5EF4-FFF2-40B4-BE49-F238E27FC236}">
                <a16:creationId xmlns:a16="http://schemas.microsoft.com/office/drawing/2014/main" id="{96B31FE4-296E-4FC1-8F59-F9B2FA7FB2B2}"/>
              </a:ext>
            </a:extLst>
          </p:cNvPr>
          <p:cNvSpPr/>
          <p:nvPr/>
        </p:nvSpPr>
        <p:spPr>
          <a:xfrm>
            <a:off x="6456400" y="3173637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2" name="Ellipse 211">
            <a:extLst>
              <a:ext uri="{FF2B5EF4-FFF2-40B4-BE49-F238E27FC236}">
                <a16:creationId xmlns:a16="http://schemas.microsoft.com/office/drawing/2014/main" id="{D3A1AFBA-99C3-4DD2-B1E7-B1155BB2AAA7}"/>
              </a:ext>
            </a:extLst>
          </p:cNvPr>
          <p:cNvSpPr/>
          <p:nvPr/>
        </p:nvSpPr>
        <p:spPr>
          <a:xfrm>
            <a:off x="6454999" y="4075789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3" name="Ellipse 212">
            <a:extLst>
              <a:ext uri="{FF2B5EF4-FFF2-40B4-BE49-F238E27FC236}">
                <a16:creationId xmlns:a16="http://schemas.microsoft.com/office/drawing/2014/main" id="{94692D8D-1843-46D3-BA28-98AFE0BC4AC4}"/>
              </a:ext>
            </a:extLst>
          </p:cNvPr>
          <p:cNvSpPr/>
          <p:nvPr/>
        </p:nvSpPr>
        <p:spPr>
          <a:xfrm>
            <a:off x="6454999" y="4619518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4" name="Ellipse 213">
            <a:extLst>
              <a:ext uri="{FF2B5EF4-FFF2-40B4-BE49-F238E27FC236}">
                <a16:creationId xmlns:a16="http://schemas.microsoft.com/office/drawing/2014/main" id="{432B59C9-39D2-4546-A8B0-76D9644123A2}"/>
              </a:ext>
            </a:extLst>
          </p:cNvPr>
          <p:cNvSpPr/>
          <p:nvPr/>
        </p:nvSpPr>
        <p:spPr>
          <a:xfrm>
            <a:off x="6458791" y="5147025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5" name="Ellipse 214">
            <a:extLst>
              <a:ext uri="{FF2B5EF4-FFF2-40B4-BE49-F238E27FC236}">
                <a16:creationId xmlns:a16="http://schemas.microsoft.com/office/drawing/2014/main" id="{BA767A1A-9B12-410E-BB88-2947FB16E33A}"/>
              </a:ext>
            </a:extLst>
          </p:cNvPr>
          <p:cNvSpPr/>
          <p:nvPr/>
        </p:nvSpPr>
        <p:spPr>
          <a:xfrm>
            <a:off x="6796671" y="2726923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6" name="Ellipse 215">
            <a:extLst>
              <a:ext uri="{FF2B5EF4-FFF2-40B4-BE49-F238E27FC236}">
                <a16:creationId xmlns:a16="http://schemas.microsoft.com/office/drawing/2014/main" id="{C81CB724-CE4C-40C1-9C3F-DCF31989BADE}"/>
              </a:ext>
            </a:extLst>
          </p:cNvPr>
          <p:cNvSpPr/>
          <p:nvPr/>
        </p:nvSpPr>
        <p:spPr>
          <a:xfrm>
            <a:off x="6798072" y="3171561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7" name="Ellipse 216">
            <a:extLst>
              <a:ext uri="{FF2B5EF4-FFF2-40B4-BE49-F238E27FC236}">
                <a16:creationId xmlns:a16="http://schemas.microsoft.com/office/drawing/2014/main" id="{C68E7C3C-0BCE-4FEA-900E-AEE152AB96FB}"/>
              </a:ext>
            </a:extLst>
          </p:cNvPr>
          <p:cNvSpPr/>
          <p:nvPr/>
        </p:nvSpPr>
        <p:spPr>
          <a:xfrm>
            <a:off x="6796671" y="4073713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8" name="Ellipse 217">
            <a:extLst>
              <a:ext uri="{FF2B5EF4-FFF2-40B4-BE49-F238E27FC236}">
                <a16:creationId xmlns:a16="http://schemas.microsoft.com/office/drawing/2014/main" id="{57388E69-D2C7-4829-AC52-60B01432E938}"/>
              </a:ext>
            </a:extLst>
          </p:cNvPr>
          <p:cNvSpPr/>
          <p:nvPr/>
        </p:nvSpPr>
        <p:spPr>
          <a:xfrm>
            <a:off x="6796671" y="4617442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19" name="Ellipse 218">
            <a:extLst>
              <a:ext uri="{FF2B5EF4-FFF2-40B4-BE49-F238E27FC236}">
                <a16:creationId xmlns:a16="http://schemas.microsoft.com/office/drawing/2014/main" id="{0253F1AE-DF87-4220-8445-993D5B295398}"/>
              </a:ext>
            </a:extLst>
          </p:cNvPr>
          <p:cNvSpPr/>
          <p:nvPr/>
        </p:nvSpPr>
        <p:spPr>
          <a:xfrm>
            <a:off x="6793930" y="5144949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31" name="Ellipse 230">
            <a:extLst>
              <a:ext uri="{FF2B5EF4-FFF2-40B4-BE49-F238E27FC236}">
                <a16:creationId xmlns:a16="http://schemas.microsoft.com/office/drawing/2014/main" id="{03CD3FFF-AEDA-43DA-85F8-83882173EA54}"/>
              </a:ext>
            </a:extLst>
          </p:cNvPr>
          <p:cNvSpPr/>
          <p:nvPr/>
        </p:nvSpPr>
        <p:spPr>
          <a:xfrm>
            <a:off x="7166434" y="2728489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32" name="Ellipse 231">
            <a:extLst>
              <a:ext uri="{FF2B5EF4-FFF2-40B4-BE49-F238E27FC236}">
                <a16:creationId xmlns:a16="http://schemas.microsoft.com/office/drawing/2014/main" id="{F478B15C-6BC4-471E-B9D3-F7B569B68907}"/>
              </a:ext>
            </a:extLst>
          </p:cNvPr>
          <p:cNvSpPr/>
          <p:nvPr/>
        </p:nvSpPr>
        <p:spPr>
          <a:xfrm>
            <a:off x="7167835" y="3173126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38" name="Ellipse 237">
            <a:extLst>
              <a:ext uri="{FF2B5EF4-FFF2-40B4-BE49-F238E27FC236}">
                <a16:creationId xmlns:a16="http://schemas.microsoft.com/office/drawing/2014/main" id="{5B66A2C0-CB45-4E5D-A845-19D43E72B161}"/>
              </a:ext>
            </a:extLst>
          </p:cNvPr>
          <p:cNvSpPr/>
          <p:nvPr/>
        </p:nvSpPr>
        <p:spPr>
          <a:xfrm>
            <a:off x="7166434" y="4075278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39" name="Ellipse 238">
            <a:extLst>
              <a:ext uri="{FF2B5EF4-FFF2-40B4-BE49-F238E27FC236}">
                <a16:creationId xmlns:a16="http://schemas.microsoft.com/office/drawing/2014/main" id="{3A1B77EE-755F-4817-B62F-90658E3B1FF6}"/>
              </a:ext>
            </a:extLst>
          </p:cNvPr>
          <p:cNvSpPr/>
          <p:nvPr/>
        </p:nvSpPr>
        <p:spPr>
          <a:xfrm>
            <a:off x="7166434" y="4619007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0" name="Ellipse 239">
            <a:extLst>
              <a:ext uri="{FF2B5EF4-FFF2-40B4-BE49-F238E27FC236}">
                <a16:creationId xmlns:a16="http://schemas.microsoft.com/office/drawing/2014/main" id="{1B4BD36E-ADAB-42B7-B897-CA8D27861426}"/>
              </a:ext>
            </a:extLst>
          </p:cNvPr>
          <p:cNvSpPr/>
          <p:nvPr/>
        </p:nvSpPr>
        <p:spPr>
          <a:xfrm>
            <a:off x="7170225" y="5146514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1" name="Ellipse 240">
            <a:extLst>
              <a:ext uri="{FF2B5EF4-FFF2-40B4-BE49-F238E27FC236}">
                <a16:creationId xmlns:a16="http://schemas.microsoft.com/office/drawing/2014/main" id="{D107A8D7-7432-469A-A025-893F91278D8B}"/>
              </a:ext>
            </a:extLst>
          </p:cNvPr>
          <p:cNvSpPr/>
          <p:nvPr/>
        </p:nvSpPr>
        <p:spPr>
          <a:xfrm>
            <a:off x="7528392" y="2728489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2" name="Ellipse 241">
            <a:extLst>
              <a:ext uri="{FF2B5EF4-FFF2-40B4-BE49-F238E27FC236}">
                <a16:creationId xmlns:a16="http://schemas.microsoft.com/office/drawing/2014/main" id="{8024A8D6-61C9-4E5E-9B00-6DBC2D6FF9E5}"/>
              </a:ext>
            </a:extLst>
          </p:cNvPr>
          <p:cNvSpPr/>
          <p:nvPr/>
        </p:nvSpPr>
        <p:spPr>
          <a:xfrm>
            <a:off x="7529793" y="3173126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3" name="Ellipse 242">
            <a:extLst>
              <a:ext uri="{FF2B5EF4-FFF2-40B4-BE49-F238E27FC236}">
                <a16:creationId xmlns:a16="http://schemas.microsoft.com/office/drawing/2014/main" id="{924EB5E9-D395-4C97-8576-AD7F044D1A44}"/>
              </a:ext>
            </a:extLst>
          </p:cNvPr>
          <p:cNvSpPr/>
          <p:nvPr/>
        </p:nvSpPr>
        <p:spPr>
          <a:xfrm>
            <a:off x="7528392" y="4075278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5" name="Ellipse 244">
            <a:extLst>
              <a:ext uri="{FF2B5EF4-FFF2-40B4-BE49-F238E27FC236}">
                <a16:creationId xmlns:a16="http://schemas.microsoft.com/office/drawing/2014/main" id="{3118B388-5B40-4E11-ADA5-74C42EFB2788}"/>
              </a:ext>
            </a:extLst>
          </p:cNvPr>
          <p:cNvSpPr/>
          <p:nvPr/>
        </p:nvSpPr>
        <p:spPr>
          <a:xfrm>
            <a:off x="7528392" y="4619007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7" name="Ellipse 246">
            <a:extLst>
              <a:ext uri="{FF2B5EF4-FFF2-40B4-BE49-F238E27FC236}">
                <a16:creationId xmlns:a16="http://schemas.microsoft.com/office/drawing/2014/main" id="{EEE1A4B6-E61D-4C55-812C-1BF785E3116D}"/>
              </a:ext>
            </a:extLst>
          </p:cNvPr>
          <p:cNvSpPr/>
          <p:nvPr/>
        </p:nvSpPr>
        <p:spPr>
          <a:xfrm>
            <a:off x="7532183" y="5146514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8" name="Ellipse 247">
            <a:extLst>
              <a:ext uri="{FF2B5EF4-FFF2-40B4-BE49-F238E27FC236}">
                <a16:creationId xmlns:a16="http://schemas.microsoft.com/office/drawing/2014/main" id="{A973F79D-123B-4B28-B56B-6E001AFFB0E2}"/>
              </a:ext>
            </a:extLst>
          </p:cNvPr>
          <p:cNvSpPr/>
          <p:nvPr/>
        </p:nvSpPr>
        <p:spPr>
          <a:xfrm>
            <a:off x="7905104" y="2728489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49" name="Ellipse 248">
            <a:extLst>
              <a:ext uri="{FF2B5EF4-FFF2-40B4-BE49-F238E27FC236}">
                <a16:creationId xmlns:a16="http://schemas.microsoft.com/office/drawing/2014/main" id="{D563E348-EC9F-4F57-AF40-4F08E7D8CC0D}"/>
              </a:ext>
            </a:extLst>
          </p:cNvPr>
          <p:cNvSpPr/>
          <p:nvPr/>
        </p:nvSpPr>
        <p:spPr>
          <a:xfrm>
            <a:off x="7906505" y="3173126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0" name="Ellipse 249">
            <a:extLst>
              <a:ext uri="{FF2B5EF4-FFF2-40B4-BE49-F238E27FC236}">
                <a16:creationId xmlns:a16="http://schemas.microsoft.com/office/drawing/2014/main" id="{6F570624-9F42-498E-AF33-519C9A87A386}"/>
              </a:ext>
            </a:extLst>
          </p:cNvPr>
          <p:cNvSpPr/>
          <p:nvPr/>
        </p:nvSpPr>
        <p:spPr>
          <a:xfrm>
            <a:off x="7905104" y="4075278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1" name="Ellipse 250">
            <a:extLst>
              <a:ext uri="{FF2B5EF4-FFF2-40B4-BE49-F238E27FC236}">
                <a16:creationId xmlns:a16="http://schemas.microsoft.com/office/drawing/2014/main" id="{24B86564-0338-4E82-AC9F-C3E221DD672F}"/>
              </a:ext>
            </a:extLst>
          </p:cNvPr>
          <p:cNvSpPr/>
          <p:nvPr/>
        </p:nvSpPr>
        <p:spPr>
          <a:xfrm>
            <a:off x="7905104" y="4619007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2" name="Ellipse 251">
            <a:extLst>
              <a:ext uri="{FF2B5EF4-FFF2-40B4-BE49-F238E27FC236}">
                <a16:creationId xmlns:a16="http://schemas.microsoft.com/office/drawing/2014/main" id="{CF5D3137-4DA4-4C25-8CE5-91BC702EA0C6}"/>
              </a:ext>
            </a:extLst>
          </p:cNvPr>
          <p:cNvSpPr/>
          <p:nvPr/>
        </p:nvSpPr>
        <p:spPr>
          <a:xfrm>
            <a:off x="7908895" y="5146514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3" name="Ellipse 252">
            <a:extLst>
              <a:ext uri="{FF2B5EF4-FFF2-40B4-BE49-F238E27FC236}">
                <a16:creationId xmlns:a16="http://schemas.microsoft.com/office/drawing/2014/main" id="{82B35E2D-CB3C-4CB4-AFF6-E76C9A535482}"/>
              </a:ext>
            </a:extLst>
          </p:cNvPr>
          <p:cNvSpPr/>
          <p:nvPr/>
        </p:nvSpPr>
        <p:spPr>
          <a:xfrm>
            <a:off x="8251973" y="2735532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4" name="Ellipse 253">
            <a:extLst>
              <a:ext uri="{FF2B5EF4-FFF2-40B4-BE49-F238E27FC236}">
                <a16:creationId xmlns:a16="http://schemas.microsoft.com/office/drawing/2014/main" id="{3E059C92-65A8-4433-B623-6D03FAED1063}"/>
              </a:ext>
            </a:extLst>
          </p:cNvPr>
          <p:cNvSpPr/>
          <p:nvPr/>
        </p:nvSpPr>
        <p:spPr>
          <a:xfrm>
            <a:off x="8253374" y="3180169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5" name="Ellipse 254">
            <a:extLst>
              <a:ext uri="{FF2B5EF4-FFF2-40B4-BE49-F238E27FC236}">
                <a16:creationId xmlns:a16="http://schemas.microsoft.com/office/drawing/2014/main" id="{06BFC07E-73B9-4C13-B115-A6DA443152A3}"/>
              </a:ext>
            </a:extLst>
          </p:cNvPr>
          <p:cNvSpPr/>
          <p:nvPr/>
        </p:nvSpPr>
        <p:spPr>
          <a:xfrm>
            <a:off x="8251973" y="4082321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6" name="Ellipse 255">
            <a:extLst>
              <a:ext uri="{FF2B5EF4-FFF2-40B4-BE49-F238E27FC236}">
                <a16:creationId xmlns:a16="http://schemas.microsoft.com/office/drawing/2014/main" id="{70996F07-2D83-4E63-8D43-2F02CA3FA79B}"/>
              </a:ext>
            </a:extLst>
          </p:cNvPr>
          <p:cNvSpPr/>
          <p:nvPr/>
        </p:nvSpPr>
        <p:spPr>
          <a:xfrm>
            <a:off x="8251973" y="4626050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7" name="Ellipse 256">
            <a:extLst>
              <a:ext uri="{FF2B5EF4-FFF2-40B4-BE49-F238E27FC236}">
                <a16:creationId xmlns:a16="http://schemas.microsoft.com/office/drawing/2014/main" id="{656D25C1-D1C2-4B1D-8636-64CBF8CA5307}"/>
              </a:ext>
            </a:extLst>
          </p:cNvPr>
          <p:cNvSpPr/>
          <p:nvPr/>
        </p:nvSpPr>
        <p:spPr>
          <a:xfrm>
            <a:off x="8255764" y="5153557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8" name="Ellipse 257">
            <a:extLst>
              <a:ext uri="{FF2B5EF4-FFF2-40B4-BE49-F238E27FC236}">
                <a16:creationId xmlns:a16="http://schemas.microsoft.com/office/drawing/2014/main" id="{13343538-0FDB-4F83-B7A1-6F82712077DD}"/>
              </a:ext>
            </a:extLst>
          </p:cNvPr>
          <p:cNvSpPr/>
          <p:nvPr/>
        </p:nvSpPr>
        <p:spPr>
          <a:xfrm>
            <a:off x="9040041" y="2732892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59" name="Ellipse 258">
            <a:extLst>
              <a:ext uri="{FF2B5EF4-FFF2-40B4-BE49-F238E27FC236}">
                <a16:creationId xmlns:a16="http://schemas.microsoft.com/office/drawing/2014/main" id="{5ED13F57-D5A0-45F4-A44B-F0D550A46DCC}"/>
              </a:ext>
            </a:extLst>
          </p:cNvPr>
          <p:cNvSpPr/>
          <p:nvPr/>
        </p:nvSpPr>
        <p:spPr>
          <a:xfrm>
            <a:off x="9041442" y="3171238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0" name="Ellipse 259">
            <a:extLst>
              <a:ext uri="{FF2B5EF4-FFF2-40B4-BE49-F238E27FC236}">
                <a16:creationId xmlns:a16="http://schemas.microsoft.com/office/drawing/2014/main" id="{04825826-0FDB-44DF-A729-BF7ED600AC30}"/>
              </a:ext>
            </a:extLst>
          </p:cNvPr>
          <p:cNvSpPr/>
          <p:nvPr/>
        </p:nvSpPr>
        <p:spPr>
          <a:xfrm>
            <a:off x="9040041" y="4073389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1" name="Ellipse 260">
            <a:extLst>
              <a:ext uri="{FF2B5EF4-FFF2-40B4-BE49-F238E27FC236}">
                <a16:creationId xmlns:a16="http://schemas.microsoft.com/office/drawing/2014/main" id="{8703E829-707C-4EAD-B087-EA9262B8FB6A}"/>
              </a:ext>
            </a:extLst>
          </p:cNvPr>
          <p:cNvSpPr/>
          <p:nvPr/>
        </p:nvSpPr>
        <p:spPr>
          <a:xfrm>
            <a:off x="9040041" y="4617118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2" name="Ellipse 261">
            <a:extLst>
              <a:ext uri="{FF2B5EF4-FFF2-40B4-BE49-F238E27FC236}">
                <a16:creationId xmlns:a16="http://schemas.microsoft.com/office/drawing/2014/main" id="{7472DE5D-DA9B-49BB-82C3-2F0D2C0E161A}"/>
              </a:ext>
            </a:extLst>
          </p:cNvPr>
          <p:cNvSpPr/>
          <p:nvPr/>
        </p:nvSpPr>
        <p:spPr>
          <a:xfrm>
            <a:off x="9037486" y="5144626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cxnSp>
        <p:nvCxnSpPr>
          <p:cNvPr id="189" name="Lige forbindelse 188">
            <a:extLst>
              <a:ext uri="{FF2B5EF4-FFF2-40B4-BE49-F238E27FC236}">
                <a16:creationId xmlns:a16="http://schemas.microsoft.com/office/drawing/2014/main" id="{E04F0D8D-90D0-4C95-ACE0-2F72C1F130A2}"/>
              </a:ext>
            </a:extLst>
          </p:cNvPr>
          <p:cNvCxnSpPr>
            <a:cxnSpLocks/>
          </p:cNvCxnSpPr>
          <p:nvPr/>
        </p:nvCxnSpPr>
        <p:spPr>
          <a:xfrm>
            <a:off x="8690627" y="2097549"/>
            <a:ext cx="0" cy="3437686"/>
          </a:xfrm>
          <a:prstGeom prst="line">
            <a:avLst/>
          </a:prstGeom>
          <a:ln w="9525">
            <a:solidFill>
              <a:srgbClr val="1F293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Ellipse 263">
            <a:extLst>
              <a:ext uri="{FF2B5EF4-FFF2-40B4-BE49-F238E27FC236}">
                <a16:creationId xmlns:a16="http://schemas.microsoft.com/office/drawing/2014/main" id="{AF3B1AA9-A9CC-48ED-B0A6-2313BEF5378E}"/>
              </a:ext>
            </a:extLst>
          </p:cNvPr>
          <p:cNvSpPr/>
          <p:nvPr/>
        </p:nvSpPr>
        <p:spPr>
          <a:xfrm>
            <a:off x="8650135" y="2072319"/>
            <a:ext cx="82850" cy="67846"/>
          </a:xfrm>
          <a:prstGeom prst="ellipse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5" name="Ellipse 264">
            <a:extLst>
              <a:ext uri="{FF2B5EF4-FFF2-40B4-BE49-F238E27FC236}">
                <a16:creationId xmlns:a16="http://schemas.microsoft.com/office/drawing/2014/main" id="{A390A5FF-6CD1-4BAE-90DB-4502BF286125}"/>
              </a:ext>
            </a:extLst>
          </p:cNvPr>
          <p:cNvSpPr/>
          <p:nvPr/>
        </p:nvSpPr>
        <p:spPr>
          <a:xfrm>
            <a:off x="8648890" y="2730271"/>
            <a:ext cx="82850" cy="79159"/>
          </a:xfrm>
          <a:prstGeom prst="ellipse">
            <a:avLst/>
          </a:prstGeom>
          <a:solidFill>
            <a:srgbClr val="00B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6" name="Ellipse 265">
            <a:extLst>
              <a:ext uri="{FF2B5EF4-FFF2-40B4-BE49-F238E27FC236}">
                <a16:creationId xmlns:a16="http://schemas.microsoft.com/office/drawing/2014/main" id="{D70E5C03-E288-4DCA-A41D-355815590F40}"/>
              </a:ext>
            </a:extLst>
          </p:cNvPr>
          <p:cNvSpPr/>
          <p:nvPr/>
        </p:nvSpPr>
        <p:spPr>
          <a:xfrm>
            <a:off x="8650291" y="3180960"/>
            <a:ext cx="82850" cy="79159"/>
          </a:xfrm>
          <a:prstGeom prst="ellipse">
            <a:avLst/>
          </a:prstGeom>
          <a:solidFill>
            <a:srgbClr val="00B0F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7" name="Ellipse 266">
            <a:extLst>
              <a:ext uri="{FF2B5EF4-FFF2-40B4-BE49-F238E27FC236}">
                <a16:creationId xmlns:a16="http://schemas.microsoft.com/office/drawing/2014/main" id="{9B17FBBA-65DA-43E0-8D91-015C10AFEA82}"/>
              </a:ext>
            </a:extLst>
          </p:cNvPr>
          <p:cNvSpPr/>
          <p:nvPr/>
        </p:nvSpPr>
        <p:spPr>
          <a:xfrm>
            <a:off x="8648890" y="4083112"/>
            <a:ext cx="82850" cy="79159"/>
          </a:xfrm>
          <a:prstGeom prst="ellipse">
            <a:avLst/>
          </a:prstGeom>
          <a:solidFill>
            <a:srgbClr val="FF0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69" name="Ellipse 268">
            <a:extLst>
              <a:ext uri="{FF2B5EF4-FFF2-40B4-BE49-F238E27FC236}">
                <a16:creationId xmlns:a16="http://schemas.microsoft.com/office/drawing/2014/main" id="{75322A1E-5B10-4DED-8BF9-82A7A92A0627}"/>
              </a:ext>
            </a:extLst>
          </p:cNvPr>
          <p:cNvSpPr/>
          <p:nvPr/>
        </p:nvSpPr>
        <p:spPr>
          <a:xfrm>
            <a:off x="8648890" y="4633372"/>
            <a:ext cx="82850" cy="79159"/>
          </a:xfrm>
          <a:prstGeom prst="ellipse">
            <a:avLst/>
          </a:prstGeom>
          <a:solidFill>
            <a:srgbClr val="7030A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70" name="Ellipse 269">
            <a:extLst>
              <a:ext uri="{FF2B5EF4-FFF2-40B4-BE49-F238E27FC236}">
                <a16:creationId xmlns:a16="http://schemas.microsoft.com/office/drawing/2014/main" id="{CB0AFB93-5137-4BA1-9FE3-6DE60563C0E4}"/>
              </a:ext>
            </a:extLst>
          </p:cNvPr>
          <p:cNvSpPr/>
          <p:nvPr/>
        </p:nvSpPr>
        <p:spPr>
          <a:xfrm>
            <a:off x="8652682" y="5145090"/>
            <a:ext cx="82850" cy="79159"/>
          </a:xfrm>
          <a:prstGeom prst="ellipse">
            <a:avLst/>
          </a:prstGeom>
          <a:solidFill>
            <a:srgbClr val="FFC0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271" name="Tekstboks 16">
            <a:extLst>
              <a:ext uri="{FF2B5EF4-FFF2-40B4-BE49-F238E27FC236}">
                <a16:creationId xmlns:a16="http://schemas.microsoft.com/office/drawing/2014/main" id="{768F16ED-9CA0-4C9E-BB57-CF76131ED514}"/>
              </a:ext>
            </a:extLst>
          </p:cNvPr>
          <p:cNvSpPr txBox="1"/>
          <p:nvPr/>
        </p:nvSpPr>
        <p:spPr>
          <a:xfrm rot="18409509">
            <a:off x="7645220" y="1410224"/>
            <a:ext cx="1230936" cy="18574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900" b="1" dirty="0"/>
              <a:t>NHN</a:t>
            </a:r>
          </a:p>
        </p:txBody>
      </p:sp>
      <p:sp>
        <p:nvSpPr>
          <p:cNvPr id="46" name="Afrundet rektangel 45"/>
          <p:cNvSpPr/>
          <p:nvPr/>
        </p:nvSpPr>
        <p:spPr>
          <a:xfrm>
            <a:off x="8111083" y="2218209"/>
            <a:ext cx="1095741" cy="426451"/>
          </a:xfrm>
          <a:prstGeom prst="round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900" dirty="0"/>
              <a:t>SPOC</a:t>
            </a:r>
          </a:p>
          <a:p>
            <a:pPr algn="ctr"/>
            <a:r>
              <a:rPr lang="da-DK" sz="900" dirty="0"/>
              <a:t>Kim Kjeld Hansen</a:t>
            </a:r>
          </a:p>
        </p:txBody>
      </p:sp>
      <p:sp>
        <p:nvSpPr>
          <p:cNvPr id="237" name="Tekstboks 88">
            <a:extLst>
              <a:ext uri="{FF2B5EF4-FFF2-40B4-BE49-F238E27FC236}">
                <a16:creationId xmlns:a16="http://schemas.microsoft.com/office/drawing/2014/main" id="{7423DA45-1E19-45DB-8107-4C8CFC065353}"/>
              </a:ext>
            </a:extLst>
          </p:cNvPr>
          <p:cNvSpPr txBox="1"/>
          <p:nvPr/>
        </p:nvSpPr>
        <p:spPr>
          <a:xfrm>
            <a:off x="3811493" y="4034124"/>
            <a:ext cx="1583983" cy="230451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FF0000"/>
                </a:solidFill>
              </a:rPr>
              <a:t>Udvikling</a:t>
            </a:r>
          </a:p>
        </p:txBody>
      </p:sp>
      <p:sp>
        <p:nvSpPr>
          <p:cNvPr id="272" name="Tekstboks 96">
            <a:extLst>
              <a:ext uri="{FF2B5EF4-FFF2-40B4-BE49-F238E27FC236}">
                <a16:creationId xmlns:a16="http://schemas.microsoft.com/office/drawing/2014/main" id="{D96C01EE-3F12-420F-B600-EABD7E137C4D}"/>
              </a:ext>
            </a:extLst>
          </p:cNvPr>
          <p:cNvSpPr txBox="1"/>
          <p:nvPr/>
        </p:nvSpPr>
        <p:spPr>
          <a:xfrm>
            <a:off x="3506385" y="4169145"/>
            <a:ext cx="1887538" cy="381398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825" dirty="0"/>
              <a:t>IT Arkitektur: Ole Anderson</a:t>
            </a:r>
          </a:p>
          <a:p>
            <a:pPr algn="r"/>
            <a:r>
              <a:rPr lang="da-DK" sz="825" dirty="0"/>
              <a:t>Jan Stokkebro</a:t>
            </a:r>
          </a:p>
          <a:p>
            <a:pPr algn="r"/>
            <a:r>
              <a:rPr lang="da-DK" sz="825" dirty="0"/>
              <a:t>Behovsafdækning: Jane Nielsen</a:t>
            </a:r>
          </a:p>
        </p:txBody>
      </p:sp>
      <p:sp>
        <p:nvSpPr>
          <p:cNvPr id="273" name="Afrundet rektangel 5">
            <a:extLst>
              <a:ext uri="{FF2B5EF4-FFF2-40B4-BE49-F238E27FC236}">
                <a16:creationId xmlns:a16="http://schemas.microsoft.com/office/drawing/2014/main" id="{0C7C8937-9D47-44D3-85B7-62714E6F4667}"/>
              </a:ext>
            </a:extLst>
          </p:cNvPr>
          <p:cNvSpPr/>
          <p:nvPr/>
        </p:nvSpPr>
        <p:spPr>
          <a:xfrm>
            <a:off x="1686744" y="1052737"/>
            <a:ext cx="8840488" cy="314211"/>
          </a:xfrm>
          <a:prstGeom prst="roundRect">
            <a:avLst/>
          </a:prstGeom>
          <a:solidFill>
            <a:srgbClr val="007E39"/>
          </a:solidFill>
          <a:ln>
            <a:solidFill>
              <a:srgbClr val="002E15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350" dirty="0"/>
              <a:t>CIMT Byggeprogram</a:t>
            </a:r>
          </a:p>
        </p:txBody>
      </p:sp>
      <p:sp>
        <p:nvSpPr>
          <p:cNvPr id="274" name="Ellipse 273">
            <a:extLst>
              <a:ext uri="{FF2B5EF4-FFF2-40B4-BE49-F238E27FC236}">
                <a16:creationId xmlns:a16="http://schemas.microsoft.com/office/drawing/2014/main" id="{9B6FB110-2D1B-4C71-9F96-A7B10AFFE39C}"/>
              </a:ext>
            </a:extLst>
          </p:cNvPr>
          <p:cNvSpPr/>
          <p:nvPr/>
        </p:nvSpPr>
        <p:spPr>
          <a:xfrm>
            <a:off x="9262759" y="2743193"/>
            <a:ext cx="82850" cy="79159"/>
          </a:xfrm>
          <a:prstGeom prst="ellipse">
            <a:avLst/>
          </a:prstGeom>
          <a:solidFill>
            <a:schemeClr val="tx1"/>
          </a:solidFill>
          <a:ln w="28575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cxnSp>
        <p:nvCxnSpPr>
          <p:cNvPr id="7" name="Lige forbindelse 6">
            <a:extLst>
              <a:ext uri="{FF2B5EF4-FFF2-40B4-BE49-F238E27FC236}">
                <a16:creationId xmlns:a16="http://schemas.microsoft.com/office/drawing/2014/main" id="{0A236658-E240-4EE4-8597-5995DE99BA1B}"/>
              </a:ext>
            </a:extLst>
          </p:cNvPr>
          <p:cNvCxnSpPr>
            <a:cxnSpLocks/>
          </p:cNvCxnSpPr>
          <p:nvPr/>
        </p:nvCxnSpPr>
        <p:spPr>
          <a:xfrm>
            <a:off x="5459050" y="5535234"/>
            <a:ext cx="3622729" cy="0"/>
          </a:xfrm>
          <a:prstGeom prst="line">
            <a:avLst/>
          </a:prstGeom>
          <a:ln/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284" name="Tekstfelt 283">
            <a:extLst>
              <a:ext uri="{FF2B5EF4-FFF2-40B4-BE49-F238E27FC236}">
                <a16:creationId xmlns:a16="http://schemas.microsoft.com/office/drawing/2014/main" id="{5A85D1AC-F218-4BBA-AF3B-F357E91FC559}"/>
              </a:ext>
            </a:extLst>
          </p:cNvPr>
          <p:cNvSpPr txBox="1"/>
          <p:nvPr/>
        </p:nvSpPr>
        <p:spPr>
          <a:xfrm>
            <a:off x="9041215" y="5427223"/>
            <a:ext cx="1487191" cy="9206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algn="r"/>
            <a:r>
              <a:rPr lang="da-DK" sz="750" dirty="0"/>
              <a:t>Revised: - 2019.02.25</a:t>
            </a:r>
          </a:p>
        </p:txBody>
      </p:sp>
      <p:cxnSp>
        <p:nvCxnSpPr>
          <p:cNvPr id="160" name="Lige forbindelse 159">
            <a:extLst>
              <a:ext uri="{FF2B5EF4-FFF2-40B4-BE49-F238E27FC236}">
                <a16:creationId xmlns:a16="http://schemas.microsoft.com/office/drawing/2014/main" id="{BED7977C-9C3E-42E2-8EA7-17F25BC4A980}"/>
              </a:ext>
            </a:extLst>
          </p:cNvPr>
          <p:cNvCxnSpPr>
            <a:cxnSpLocks/>
          </p:cNvCxnSpPr>
          <p:nvPr/>
        </p:nvCxnSpPr>
        <p:spPr>
          <a:xfrm>
            <a:off x="5459050" y="2168797"/>
            <a:ext cx="3622729" cy="0"/>
          </a:xfrm>
          <a:prstGeom prst="line">
            <a:avLst/>
          </a:prstGeom>
          <a:ln/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173" name="Tekstboks 223">
            <a:extLst>
              <a:ext uri="{FF2B5EF4-FFF2-40B4-BE49-F238E27FC236}">
                <a16:creationId xmlns:a16="http://schemas.microsoft.com/office/drawing/2014/main" id="{DA789F71-F312-45DF-AE6E-AB8B6F10B849}"/>
              </a:ext>
            </a:extLst>
          </p:cNvPr>
          <p:cNvSpPr txBox="1"/>
          <p:nvPr/>
        </p:nvSpPr>
        <p:spPr>
          <a:xfrm>
            <a:off x="1774494" y="3507096"/>
            <a:ext cx="1242138" cy="20556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>
                <a:solidFill>
                  <a:srgbClr val="0070C0"/>
                </a:solidFill>
              </a:rPr>
              <a:t>Patientkald</a:t>
            </a:r>
          </a:p>
          <a:p>
            <a:pPr algn="r"/>
            <a:endParaRPr lang="da-DK" sz="900" dirty="0">
              <a:solidFill>
                <a:srgbClr val="0070C0"/>
              </a:solidFill>
            </a:endParaRPr>
          </a:p>
        </p:txBody>
      </p:sp>
      <p:sp>
        <p:nvSpPr>
          <p:cNvPr id="2" name="Ellipse 1">
            <a:extLst>
              <a:ext uri="{FF2B5EF4-FFF2-40B4-BE49-F238E27FC236}">
                <a16:creationId xmlns:a16="http://schemas.microsoft.com/office/drawing/2014/main" id="{831326A7-C943-4851-93F0-5D293D0B3140}"/>
              </a:ext>
            </a:extLst>
          </p:cNvPr>
          <p:cNvSpPr/>
          <p:nvPr/>
        </p:nvSpPr>
        <p:spPr>
          <a:xfrm>
            <a:off x="1019436" y="4849792"/>
            <a:ext cx="8694966" cy="1214561"/>
          </a:xfrm>
          <a:prstGeom prst="ellipse">
            <a:avLst/>
          </a:prstGeom>
          <a:noFill/>
          <a:ln w="5715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146" name="Pladsholder til sidefod 3">
            <a:extLst>
              <a:ext uri="{FF2B5EF4-FFF2-40B4-BE49-F238E27FC236}">
                <a16:creationId xmlns:a16="http://schemas.microsoft.com/office/drawing/2014/main" id="{9D5507C8-BFE8-4C34-A401-173A1CC05395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3457961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5F5EBF2-B237-43A3-9E84-5417CE0F0D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49544" y="908720"/>
            <a:ext cx="7603143" cy="792088"/>
          </a:xfrm>
        </p:spPr>
        <p:txBody>
          <a:bodyPr/>
          <a:lstStyle/>
          <a:p>
            <a:pPr algn="ctr"/>
            <a:r>
              <a:rPr lang="da-DK" sz="3200" dirty="0"/>
              <a:t>Koncept for leverancesporet IT-udstyr </a:t>
            </a:r>
            <a:br>
              <a:rPr lang="da-DK" sz="3200" dirty="0"/>
            </a:br>
            <a:r>
              <a:rPr lang="da-DK" sz="3200" dirty="0"/>
              <a:t>Projektinitiering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A5BAFC5-C049-456F-A515-CA45ADE2E2C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550000" y="1916832"/>
            <a:ext cx="7602461" cy="4032448"/>
          </a:xfrm>
        </p:spPr>
        <p:txBody>
          <a:bodyPr/>
          <a:lstStyle/>
          <a:p>
            <a:r>
              <a:rPr lang="da-DK" sz="2400" dirty="0"/>
              <a:t>Opgavedefinering, afdækning af omfang</a:t>
            </a:r>
          </a:p>
          <a:p>
            <a:r>
              <a:rPr lang="da-DK" sz="2400" dirty="0"/>
              <a:t> Interessentanalyse</a:t>
            </a:r>
          </a:p>
          <a:p>
            <a:r>
              <a:rPr lang="da-DK" sz="2400" dirty="0"/>
              <a:t>Projektorganisation          Klar rollefordeling</a:t>
            </a:r>
          </a:p>
          <a:p>
            <a:r>
              <a:rPr lang="da-DK" sz="2400" dirty="0"/>
              <a:t>Forventningsafstemning</a:t>
            </a:r>
          </a:p>
          <a:p>
            <a:r>
              <a:rPr lang="da-DK" sz="2400" dirty="0"/>
              <a:t>Leverance-/tidsplaner</a:t>
            </a:r>
          </a:p>
          <a:p>
            <a:r>
              <a:rPr lang="da-DK" sz="2400" dirty="0"/>
              <a:t>Ressourceestimering / -allokering</a:t>
            </a:r>
          </a:p>
          <a:p>
            <a:r>
              <a:rPr lang="da-DK" sz="2400" dirty="0"/>
              <a:t>Leverancestyring (</a:t>
            </a:r>
            <a:r>
              <a:rPr lang="da-DK" sz="2400" dirty="0" err="1"/>
              <a:t>ServiceNow</a:t>
            </a:r>
            <a:r>
              <a:rPr lang="da-DK" sz="2400" dirty="0"/>
              <a:t>)</a:t>
            </a:r>
          </a:p>
          <a:p>
            <a:r>
              <a:rPr lang="da-DK" sz="2400" dirty="0"/>
              <a:t>Risikoanalyse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6" name="Pil: højre 5">
            <a:extLst>
              <a:ext uri="{FF2B5EF4-FFF2-40B4-BE49-F238E27FC236}">
                <a16:creationId xmlns:a16="http://schemas.microsoft.com/office/drawing/2014/main" id="{613DACC3-E9BC-46C8-ABE1-CC1E60FFA36F}"/>
              </a:ext>
            </a:extLst>
          </p:cNvPr>
          <p:cNvSpPr/>
          <p:nvPr/>
        </p:nvSpPr>
        <p:spPr>
          <a:xfrm>
            <a:off x="5717958" y="2996952"/>
            <a:ext cx="378042" cy="324036"/>
          </a:xfrm>
          <a:prstGeom prst="rightArrow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sz="1350" dirty="0" err="1"/>
          </a:p>
        </p:txBody>
      </p:sp>
      <p:sp>
        <p:nvSpPr>
          <p:cNvPr id="7" name="Pladsholder til sidefod 3">
            <a:extLst>
              <a:ext uri="{FF2B5EF4-FFF2-40B4-BE49-F238E27FC236}">
                <a16:creationId xmlns:a16="http://schemas.microsoft.com/office/drawing/2014/main" id="{086A8FCF-A962-4638-800B-1C496BC85857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398943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BC13DE0-B8ED-4FE6-AC21-ECE981446E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671092"/>
            <a:ext cx="7092000" cy="813693"/>
          </a:xfrm>
        </p:spPr>
        <p:txBody>
          <a:bodyPr/>
          <a:lstStyle/>
          <a:p>
            <a:pPr algn="ctr"/>
            <a:r>
              <a:rPr lang="da-DK" sz="3200" dirty="0"/>
              <a:t>Konceptets faser</a:t>
            </a:r>
            <a:br>
              <a:rPr lang="da-DK" sz="3200" dirty="0"/>
            </a:br>
            <a:r>
              <a:rPr lang="da-DK" sz="3200" dirty="0"/>
              <a:t>Generisk milepælsplan</a:t>
            </a:r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8DF372C0-97A8-46ED-90C5-F501FBAD59CE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2180623453"/>
              </p:ext>
            </p:extLst>
          </p:nvPr>
        </p:nvGraphicFramePr>
        <p:xfrm>
          <a:off x="1991544" y="1484785"/>
          <a:ext cx="9721080" cy="51125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D4E26ADC-BA29-450E-8866-851787E7B3F7}"/>
              </a:ext>
            </a:extLst>
          </p:cNvPr>
          <p:cNvCxnSpPr>
            <a:cxnSpLocks/>
          </p:cNvCxnSpPr>
          <p:nvPr/>
        </p:nvCxnSpPr>
        <p:spPr>
          <a:xfrm>
            <a:off x="4807316" y="2974000"/>
            <a:ext cx="648072" cy="656124"/>
          </a:xfrm>
          <a:prstGeom prst="straightConnector1">
            <a:avLst/>
          </a:prstGeom>
          <a:ln w="63500">
            <a:solidFill>
              <a:srgbClr val="1F293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llipse 10">
            <a:extLst>
              <a:ext uri="{FF2B5EF4-FFF2-40B4-BE49-F238E27FC236}">
                <a16:creationId xmlns:a16="http://schemas.microsoft.com/office/drawing/2014/main" id="{E193109C-5BE2-437A-9C0C-2ABAF5735E8F}"/>
              </a:ext>
            </a:extLst>
          </p:cNvPr>
          <p:cNvSpPr/>
          <p:nvPr/>
        </p:nvSpPr>
        <p:spPr>
          <a:xfrm>
            <a:off x="3835267" y="2306673"/>
            <a:ext cx="1800200" cy="656124"/>
          </a:xfrm>
          <a:prstGeom prst="ellipse">
            <a:avLst/>
          </a:prstGeom>
          <a:solidFill>
            <a:srgbClr val="92D05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2200" b="1" dirty="0">
                <a:solidFill>
                  <a:schemeClr val="accent2"/>
                </a:solidFill>
              </a:rPr>
              <a:t>Flytning udført</a:t>
            </a:r>
          </a:p>
        </p:txBody>
      </p:sp>
      <p:sp>
        <p:nvSpPr>
          <p:cNvPr id="10" name="Pladsholder til sidefod 3">
            <a:extLst>
              <a:ext uri="{FF2B5EF4-FFF2-40B4-BE49-F238E27FC236}">
                <a16:creationId xmlns:a16="http://schemas.microsoft.com/office/drawing/2014/main" id="{6C12016F-631D-4859-9A03-84D975B6A226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268695257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0A4EAE5-34CC-4538-922C-101CEEA65A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92000" y="425927"/>
            <a:ext cx="7092000" cy="1202874"/>
          </a:xfrm>
        </p:spPr>
        <p:txBody>
          <a:bodyPr/>
          <a:lstStyle/>
          <a:p>
            <a:pPr algn="ctr"/>
            <a:r>
              <a:rPr lang="da-DK" sz="3600" dirty="0"/>
              <a:t>AS-I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E91CDEA-877D-4FC4-9A03-6F2C075A89D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892426" y="1844825"/>
            <a:ext cx="7091363" cy="4104455"/>
          </a:xfrm>
        </p:spPr>
        <p:txBody>
          <a:bodyPr/>
          <a:lstStyle/>
          <a:p>
            <a:r>
              <a:rPr lang="da-DK" sz="3200" dirty="0"/>
              <a:t>Definering af omfang: Hvor meget/hvilket IT-udstyr skal potentielt flyttes?</a:t>
            </a:r>
          </a:p>
          <a:p>
            <a:r>
              <a:rPr lang="da-DK" sz="3200" dirty="0"/>
              <a:t>Baseline</a:t>
            </a:r>
          </a:p>
          <a:p>
            <a:r>
              <a:rPr lang="da-DK" sz="3200" dirty="0" err="1"/>
              <a:t>Proof</a:t>
            </a:r>
            <a:r>
              <a:rPr lang="da-DK" sz="3200" dirty="0"/>
              <a:t> of </a:t>
            </a:r>
            <a:r>
              <a:rPr lang="da-DK" sz="3200" dirty="0" err="1"/>
              <a:t>Concept</a:t>
            </a:r>
            <a:r>
              <a:rPr lang="da-DK" sz="3200" dirty="0"/>
              <a:t> – Testafdeling</a:t>
            </a:r>
          </a:p>
          <a:p>
            <a:r>
              <a:rPr lang="da-DK" sz="3200" dirty="0"/>
              <a:t>Optælling/registrering af IT-udstyr</a:t>
            </a:r>
          </a:p>
          <a:p>
            <a:r>
              <a:rPr lang="da-DK" sz="3200" dirty="0"/>
              <a:t>AS-IS øjebliksbillede</a:t>
            </a:r>
          </a:p>
          <a:p>
            <a:endParaRPr lang="da-DK" dirty="0"/>
          </a:p>
        </p:txBody>
      </p:sp>
      <p:graphicFrame>
        <p:nvGraphicFramePr>
          <p:cNvPr id="7" name="Pladsholder til indhold 6">
            <a:extLst>
              <a:ext uri="{FF2B5EF4-FFF2-40B4-BE49-F238E27FC236}">
                <a16:creationId xmlns:a16="http://schemas.microsoft.com/office/drawing/2014/main" id="{C894844E-855F-49EA-A8A4-F7F24292B43C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ektangel 7">
            <a:extLst>
              <a:ext uri="{FF2B5EF4-FFF2-40B4-BE49-F238E27FC236}">
                <a16:creationId xmlns:a16="http://schemas.microsoft.com/office/drawing/2014/main" id="{024AB1B7-A5CC-4285-9D8B-F1634382E7DB}"/>
              </a:ext>
            </a:extLst>
          </p:cNvPr>
          <p:cNvSpPr/>
          <p:nvPr/>
        </p:nvSpPr>
        <p:spPr>
          <a:xfrm>
            <a:off x="7896200" y="425928"/>
            <a:ext cx="576064" cy="410785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sidefod 3">
            <a:extLst>
              <a:ext uri="{FF2B5EF4-FFF2-40B4-BE49-F238E27FC236}">
                <a16:creationId xmlns:a16="http://schemas.microsoft.com/office/drawing/2014/main" id="{5B5B4CD2-B1F3-4C72-9078-8F34F9EBE6A3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23195184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FEBBEE8-BA23-4002-8130-CC41CC2953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71665" y="620689"/>
            <a:ext cx="7091363" cy="1184134"/>
          </a:xfrm>
        </p:spPr>
        <p:txBody>
          <a:bodyPr/>
          <a:lstStyle/>
          <a:p>
            <a:pPr algn="ctr"/>
            <a:r>
              <a:rPr lang="da-DK" sz="3600" dirty="0"/>
              <a:t>TO-B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5E44347-4E8B-4124-BC12-07333836E149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892426" y="2060848"/>
            <a:ext cx="7091363" cy="4051203"/>
          </a:xfrm>
        </p:spPr>
        <p:txBody>
          <a:bodyPr/>
          <a:lstStyle/>
          <a:p>
            <a:r>
              <a:rPr lang="da-DK" sz="2800" dirty="0"/>
              <a:t>Definering af behov for IT-udstyr med udgangspunkt i nybyggeriets rumoversigt</a:t>
            </a:r>
          </a:p>
          <a:p>
            <a:pPr marL="0" indent="0">
              <a:buNone/>
            </a:pPr>
            <a:r>
              <a:rPr lang="da-DK" sz="2800" dirty="0"/>
              <a:t>	TO-BE-seancer med klinikkerne</a:t>
            </a:r>
          </a:p>
          <a:p>
            <a:endParaRPr lang="da-DK" sz="2800" dirty="0"/>
          </a:p>
          <a:p>
            <a:r>
              <a:rPr lang="da-DK" sz="2800" dirty="0"/>
              <a:t>Indretning/placering af IT-udstyr i lokalerne</a:t>
            </a:r>
          </a:p>
          <a:p>
            <a:r>
              <a:rPr lang="da-DK" sz="2800" dirty="0"/>
              <a:t>Formål: definering af stikbehov, identifikation af kritiske faciliteter, klargøring til indflytning, GAP-analyse</a:t>
            </a:r>
          </a:p>
          <a:p>
            <a:endParaRPr lang="da-DK" dirty="0"/>
          </a:p>
        </p:txBody>
      </p:sp>
      <p:sp>
        <p:nvSpPr>
          <p:cNvPr id="7" name="Pil: højre 6">
            <a:extLst>
              <a:ext uri="{FF2B5EF4-FFF2-40B4-BE49-F238E27FC236}">
                <a16:creationId xmlns:a16="http://schemas.microsoft.com/office/drawing/2014/main" id="{E4EA5634-809B-4B68-B5A4-2388A78B47DB}"/>
              </a:ext>
            </a:extLst>
          </p:cNvPr>
          <p:cNvSpPr/>
          <p:nvPr/>
        </p:nvSpPr>
        <p:spPr>
          <a:xfrm>
            <a:off x="3215680" y="3068960"/>
            <a:ext cx="432048" cy="484632"/>
          </a:xfrm>
          <a:prstGeom prst="rightArrow">
            <a:avLst/>
          </a:prstGeom>
          <a:solidFill>
            <a:srgbClr val="1F4A6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graphicFrame>
        <p:nvGraphicFramePr>
          <p:cNvPr id="8" name="Pladsholder til indhold 6">
            <a:extLst>
              <a:ext uri="{FF2B5EF4-FFF2-40B4-BE49-F238E27FC236}">
                <a16:creationId xmlns:a16="http://schemas.microsoft.com/office/drawing/2014/main" id="{1DD8D1CD-46D4-455A-B4BD-91A15C5E4E11}"/>
              </a:ext>
            </a:extLst>
          </p:cNvPr>
          <p:cNvGraphicFramePr>
            <a:graphicFrameLocks/>
          </p:cNvGraphicFramePr>
          <p:nvPr>
            <p:extLst/>
          </p:nvPr>
        </p:nvGraphicFramePr>
        <p:xfrm>
          <a:off x="7896200" y="476672"/>
          <a:ext cx="1800200" cy="115212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9" name="Rektangel 8">
            <a:extLst>
              <a:ext uri="{FF2B5EF4-FFF2-40B4-BE49-F238E27FC236}">
                <a16:creationId xmlns:a16="http://schemas.microsoft.com/office/drawing/2014/main" id="{9638745D-ED55-4311-8A4E-455429869385}"/>
              </a:ext>
            </a:extLst>
          </p:cNvPr>
          <p:cNvSpPr/>
          <p:nvPr/>
        </p:nvSpPr>
        <p:spPr>
          <a:xfrm>
            <a:off x="8544272" y="404664"/>
            <a:ext cx="576064" cy="360040"/>
          </a:xfrm>
          <a:prstGeom prst="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sidefod 3">
            <a:extLst>
              <a:ext uri="{FF2B5EF4-FFF2-40B4-BE49-F238E27FC236}">
                <a16:creationId xmlns:a16="http://schemas.microsoft.com/office/drawing/2014/main" id="{65C641A1-F094-42DA-BDA6-5DE94EFB8868}"/>
              </a:ext>
            </a:extLst>
          </p:cNvPr>
          <p:cNvSpPr txBox="1">
            <a:spLocks/>
          </p:cNvSpPr>
          <p:nvPr/>
        </p:nvSpPr>
        <p:spPr>
          <a:xfrm>
            <a:off x="9696400" y="6453336"/>
            <a:ext cx="2037080" cy="288032"/>
          </a:xfrm>
          <a:prstGeom prst="rect">
            <a:avLst/>
          </a:prstGeom>
        </p:spPr>
        <p:txBody>
          <a:bodyPr/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da-DK" sz="1000" dirty="0">
                <a:solidFill>
                  <a:schemeClr val="bg1"/>
                </a:solidFill>
              </a:rPr>
              <a:t>Pernille Gotthard Kristiansen</a:t>
            </a:r>
          </a:p>
        </p:txBody>
      </p:sp>
    </p:spTree>
    <p:extLst>
      <p:ext uri="{BB962C8B-B14F-4D97-AF65-F5344CB8AC3E}">
        <p14:creationId xmlns:p14="http://schemas.microsoft.com/office/powerpoint/2010/main" val="18659327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6162159535658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3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Mørkeblå">
      <a:dk1>
        <a:srgbClr val="333333"/>
      </a:dk1>
      <a:lt1>
        <a:srgbClr val="FFFFFF"/>
      </a:lt1>
      <a:dk2>
        <a:srgbClr val="575757"/>
      </a:dk2>
      <a:lt2>
        <a:srgbClr val="CCD4DD"/>
      </a:lt2>
      <a:accent1>
        <a:srgbClr val="99A8BB"/>
      </a:accent1>
      <a:accent2>
        <a:srgbClr val="333333"/>
      </a:accent2>
      <a:accent3>
        <a:srgbClr val="4D6787"/>
      </a:accent3>
      <a:accent4>
        <a:srgbClr val="666666"/>
      </a:accent4>
      <a:accent5>
        <a:srgbClr val="193C65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873729730000056","enableDocumentContentUpdater":true,"version":"1.3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973038327532712","enableDocumentContentUpdater":true,"version":"1.3"}]]></TemplafySlideTemplateConfiguration>
</file>

<file path=customXml/item5.xml><?xml version="1.0" encoding="utf-8"?>
<TemplafyTemplateConfiguration><![CDATA[{"elementsMetadata":[{"type":"shape","id":"8895ae40-36ac-4cae-b1cc-d0b130e41a76","elementConfiguration":{"inheritDimensions":"inheritNone","width":"1.9 cm","height":"1.9 cm","disableUpdates":false,"type":"image"}},{"type":"shape","id":"335f8fed-3d2a-43e3-9ce1-acfe63440e56","elementConfiguration":{"binding":"UserProfile.Office.Virksomhed_{{DocumentLanguage}}","disableUpdates":false,"type":"text"}},{"type":"shape","id":"62d0bf2d-178f-41a0-ba76-1bb813ddfe0f","elementConfiguration":{"binding":"UserProfile.CenterFreeText","visibility":{"action":"hide","binding":"UserProfile.Centers.CenterUI","operator":"notEquals","compareValue":"Intet valgt"},"disableUpdates":false,"type":"text"}},{"type":"shape","id":"5dd4c2c3-fc50-47d4-90fe-b105948f049d","elementConfiguration":{"binding":"UserProfile.Centers.Center_{{DocumentLanguage}}","visibility":{"action":"hide","binding":"UserProfile.Centers.CenterUI","operator":"equals","compareValue":"Intet valgt"},"disableUpdates":false,"type":"text"}},{"type":"shape","id":"d38fc199-9b5b-4232-9d3a-82a0023aacb3","elementConfiguration":{"binding":"Form.PresentationTitle","disableUpdates":false,"type":"text"}},{"type":"shape","id":"cd555220-2fab-4396-9d1c-021e510023ef","elementConfiguration":{"binding":"UserProfile.Office.LogoColor_DCU","inheritDimensions":"inheritNone","width":"1.9 cm","height":"1.9 cm","disableUpdates":false,"type":"image"}},{"type":"shape","id":"69551888-fc08-4169-b0ef-1a7128035295","elementConfiguration":{"binding":"UserProfile.EkstraLogo.ExtraLogoPPNEGDCU_{{DocumentLanguage}}","inheritDimensions":"inheritNone","width":"3.68 cm","height":"1.17 cm","disableUpdates":false,"type":"image"}},{"type":"shape","id":"c1096079-6c75-4d0b-a78f-41a32cb3b71e","elementConfiguration":{"binding":"UserProfile.EkstraLogo.ExtraLogoFive_PP_DCU_{{DocumentLanguage}}","inheritDimensions":"inheritNone","width":"2.42 cm","height":"2.5 cm","disableUpdates":false,"type":"image"}},{"type":"shape","id":"6dbfec8b-69b2-48dd-b5e3-8880caf3e298","elementConfiguration":{"binding":"UserProfile.EkstraLogo.ExtraLogoTwo_PP_DCU_{{DocumentLanguage}}","inheritDimensions":"inheritNone","width":"2.42 cm","height":"2.5 cm","disableUpdates":false,"type":"image"}},{"type":"shape","id":"a9a47aeb-e398-4216-b90b-125a1e85c035","elementConfiguration":{"binding":"UserProfile.EkstraLogo.ExtraLogoSix_PP_DCU_{{DocumentLanguage}}","inheritDimensions":"inheritNone","width":"11.6 cm","height":"1.72 cm","disableUpdates":false,"type":"image"}},{"type":"shape","id":"64947f1a-34cb-4b32-966c-afa89d5e4fa3","elementConfiguration":{"binding":"UserProfile.Name","visibility":{"action":"hide","binding":"Form.Manuel_dato","operator":"notEquals","compareValue":""},"disableUpdates":false,"type":"text"}},{"type":"shape","id":"8c70be49-c093-488c-a4ff-f2381ef3b094","elementConfiguration":{"binding":"Form.Manuel_dato","visibility":{"action":"hide","operator":"equals","compareValue":""},"disableUpdates":false,"type":"text"}},{"type":"shape","id":"ced7a07a-2972-4eb7-b8e2-e753a6ec079c","elementConfiguration":{"binding":"UserProfile.Office.LogoH_PP_DCU","inheritDimensions":"inheritWidth","width":"1.91 cm","disableUpdates":false,"type":"image"}},{"type":"shape","id":"7c1be719-09be-4796-b7c0-14431d6738aa","elementConfiguration":{"binding":"UserProfile.Office.Virksomhed_{{DocumentLanguage}}","disableUpdates":false,"type":"text"}},{"type":"shape","id":"32d41336-5da8-431f-96ad-74104790daaa","elementConfiguration":{"binding":"UserProfile.CenterFreeText","visibility":{"action":"hide","binding":"UserProfile.Centers.CenterUI","operator":"notEquals","compareValue":"Intet valgt"},"disableUpdates":false,"type":"text"}},{"type":"shape","id":"028e551b-eb00-4c59-85e9-5d9eece3b782","elementConfiguration":{"binding":"UserProfile.Centers.Center_{{DocumentLanguage}}","visibility":{"action":"hide","binding":"UserProfile.Centers.CenterUI","operator":"equals","compareValue":"Intet valgt"},"disableUpdates":false,"type":"text"}},{"type":"shape","id":"095c917d-ce48-4015-8dc2-5bfcc71a1a44","elementConfiguration":{"binding":"Form.PresentationTitle","disableUpdates":false,"type":"text"}},{"type":"shape","id":"42b598c5-8aee-4b12-b6a7-c59e2666f40b","elementConfiguration":{"binding":"UserProfile.Office.LogoColor_DCU","inheritDimensions":"inheritNone","width":"1.9 cm","height":"1.9 cm","disableUpdates":false,"type":"image"}},{"type":"shape","id":"12d00437-7920-4161-86d4-e1e1e1a860ae","elementConfiguration":{"binding":"UserProfile.EkstraLogo.ExtraLogoPPNEGDCU_{{DocumentLanguage}}","inheritDimensions":"inheritNone","width":"3.68 cm","height":"1.17 cm","disableUpdates":false,"type":"image"}},{"type":"shape","id":"65190387-a5a9-4438-a1e1-93d92d6043b9","elementConfiguration":{"binding":"UserProfile.EkstraLogo.ExtraLogoFive_PP_DCU_{{DocumentLanguage}}","inheritDimensions":"inheritNone","width":"2.42 cm","height":"2.5 cm","disableUpdates":false,"type":"image"}},{"type":"shape","id":"2e6fad86-1c9e-46e7-9b96-191ad89b51ba","elementConfiguration":{"binding":"UserProfile.EkstraLogo.ExtraLogoTwo_PP_DCU_{{DocumentLanguage}}","inheritDimensions":"inheritNone","width":"2.42 cm","height":"2.5 cm","disableUpdates":false,"type":"image"}},{"type":"shape","id":"801c0a20-061a-4a78-8ef1-d6316f57d2a7","elementConfiguration":{"binding":"UserProfile.EkstraLogo.ExtraLogoSix_PP_DCU_{{DocumentLanguage}}","inheritDimensions":"inheritNone","width":"11.6 cm","height":"1.72 cm","disableUpdates":false,"type":"image"}},{"type":"shape","id":"864f737d-791d-4cf5-8061-56e6c62d4c57","elementConfiguration":{"binding":"UserProfile.Name","visibility":{"action":"hide","binding":"Form.Manuel_dato","operator":"notEquals","compareValue":""},"disableUpdates":false,"type":"text"}},{"type":"shape","id":"73e7a606-8e95-49ce-96d6-e29e00654138","elementConfiguration":{"binding":"Form.Manuel_dato","visibility":{"action":"hide","operator":"equals","compareValue":""},"disableUpdates":false,"type":"text"}},{"type":"shape","id":"4cbd8abc-8546-4d0f-baba-432164c99246","elementConfiguration":{"binding":"UserProfile.Office.LogoH_PP_DCU","inheritDimensions":"inheritWidth","width":"1.91 cm","disableUpdates":false,"type":"image"}},{"type":"shape","id":"184a409f-ad9a-4236-9e6b-652bea6a4b6f","elementConfiguration":{"binding":"UserProfile.Office.Virksomhed_{{DocumentLanguage}}","disableUpdates":false,"type":"text"}},{"type":"shape","id":"9fd6e275-4cbe-46c2-83b3-700c70ac0006","elementConfiguration":{"binding":"UserProfile.CenterFreeText","visibility":{"action":"hide","binding":"UserProfile.Centers.CenterUI","operator":"notEquals","compareValue":"Intet valgt"},"disableUpdates":false,"type":"text"}},{"type":"shape","id":"f8e66d26-c5f8-4c50-b73d-b098b9cbca01","elementConfiguration":{"binding":"UserProfile.Centers.Center_{{DocumentLanguage}}","visibility":{"action":"hide","binding":"UserProfile.Centers.CenterUI","operator":"equals","compareValue":"Intet valgt"},"disableUpdates":false,"type":"text"}},{"type":"shape","id":"42f97e03-7af1-49ee-ae37-a3bd97ddaed1","elementConfiguration":{"binding":"Form.PresentationTitle","disableUpdates":false,"type":"text"}},{"type":"shape","id":"2cd51568-c8ee-4671-8da1-2d1a105a0635","elementConfiguration":{"binding":"UserProfile.Office.LogoColor_DCU","inheritDimensions":"inheritNone","width":"1.9 cm","height":"1.9 cm","disableUpdates":false,"type":"image"}},{"type":"shape","id":"306f506d-3166-4d86-aa01-41d0a66388f6","elementConfiguration":{"binding":"UserProfile.EkstraLogo.ExtraLogoPPNEGDCU_{{DocumentLanguage}}","inheritDimensions":"inheritNone","width":"3.68 cm","height":"1.17 cm","disableUpdates":false,"type":"image"}},{"type":"shape","id":"7a035f18-2152-4433-a5f8-fd2c31e1edd1","elementConfiguration":{"binding":"UserProfile.EkstraLogo.ExtraLogoFive_PP_DCU_{{DocumentLanguage}}","inheritDimensions":"inheritNone","width":"2.42 cm","height":"2.5 cm","disableUpdates":false,"type":"image"}},{"type":"shape","id":"7455a422-ffeb-48ba-89a0-8ff004dcc59c","elementConfiguration":{"binding":"UserProfile.EkstraLogo.ExtraLogoTwo_PP_DCU_{{DocumentLanguage}}","inheritDimensions":"inheritNone","width":"2.42 cm","height":"2.5 cm","disableUpdates":false,"type":"image"}},{"type":"shape","id":"2787c193-6bd8-45f3-8d02-555b071877ab","elementConfiguration":{"binding":"UserProfile.EkstraLogo.ExtraLogoSix_PP_DCU_{{DocumentLanguage}}","inheritDimensions":"inheritNone","width":"11.6 cm","height":"1.72 cm","disableUpdates":false,"type":"image"}},{"type":"shape","id":"43bcbb68-5e74-4ba5-90f7-d26fbfff4dd6","elementConfiguration":{"binding":"UserProfile.Name","visibility":{"action":"hide","binding":"Form.Manuel_dato","operator":"notEquals","compareValue":""},"disableUpdates":false,"type":"text"}},{"type":"shape","id":"643cc46f-af6d-4b3b-ae87-555d4282f909","elementConfiguration":{"binding":"Form.Manuel_dato","visibility":{"action":"hide","operator":"equals","compareValue":""},"disableUpdates":false,"type":"text"}},{"type":"shape","id":"7f1472ce-d4dc-4f1e-bf90-0d3f64026685","elementConfiguration":{"binding":"UserProfile.Office.LogoH_PP_DCU","inheritDimensions":"inheritWidth","width":"1.91 cm","disableUpdates":false,"type":"image"}},{"type":"shape","id":"e3b3eabc-f58e-469d-9719-145c2942d31a","elementConfiguration":{"binding":"UserProfile.Office.LogoColor_DCU","inheritDimensions":"inheritNone","width":"1.9 cm","height":"19.05 cm","disableUpdates":false,"type":"image"}},{"type":"shape","id":"9d04d54e-f463-4b6b-a979-60ede8ce926c","elementConfiguration":{"binding":"UserProfile.EkstraLogo.ExtraLogoSixNEG_PP_DCU_{{DocumentLanguage}}","inheritDimensions":"inheritNone","width":"11.6 cm","height":"1.72 cm","disableUpdates":false,"type":"image"}},{"type":"shape","id":"9dc87f96-2408-4b9b-b7f7-db76585eb030","elementConfiguration":{"binding":"UserProfile.EkstraLogo.ExtraLogoPPNEGDCU_{{DocumentLanguage}}","inheritDimensions":"inheritNone","width":"3.68 cm","height":"1.17 cm","disableUpdates":false,"type":"image"}},{"type":"shape","id":"544e3f37-3c0d-4be4-9bd0-5571e16d4db0","elementConfiguration":{"binding":"UserProfile.Office.Virksomhed_{{DocumentLanguage}}","disableUpdates":false,"type":"text"}},{"type":"shape","id":"8e252a38-43b1-488e-9070-615aae93b94c","elementConfiguration":{"binding":"UserProfile.CenterFreeText","visibility":{"action":"hide","binding":"UserProfile.Centers.CenterUI","operator":"notEquals","compareValue":"Intet valgt","compareValues":[""]},"disableUpdates":false,"type":"text"}},{"type":"shape","id":"50719211-c65c-48a7-9e0d-4da12ee06e1c","elementConfiguration":{"binding":"UserProfile.Centers.Center_{{DocumentLanguage}}","visibility":{"action":"hide","binding":"UserProfile.Centers.CenterUI","operator":"equals","compareValue":"Intet valgt"},"disableUpdates":false,"type":"text"}},{"type":"shape","id":"fb527267-01ab-47da-bfb7-7274543e1801","elementConfiguration":{"binding":"Form.PresentationTitle","disableUpdates":false,"type":"text"}},{"type":"shape","id":"3d0860ea-62b0-4eb2-9ee2-6bc2809be300","elementConfiguration":{"binding":"UserProfile.EkstraLogo.ExtraLogoFive_PP_DCU_{{DocumentLanguage}}","inheritDimensions":"inheritNone","width":"2.42 cm","height":"2.5 cm","disableUpdates":false,"type":"image"}},{"type":"shape","id":"a0ef68bf-88a8-4089-aa7b-b36c2f051352","elementConfiguration":{"binding":"UserProfile.EkstraLogo.ExtraLogoTwo_PP_DCU_{{DocumentLanguage}}","inheritDimensions":"inheritNone","width":"2.42 cm","height":"2.5 cm","disableUpdates":false,"type":"image"}},{"type":"shape","id":"c815fdf7-94a1-489b-9c9c-e4f4805d0781","elementConfiguration":{"binding":"UserProfile.Name","visibility":{"action":"hide","binding":"Form.Manuel_dato","operator":"notEquals","compareValue":""},"disableUpdates":false,"type":"text"}},{"type":"shape","id":"f666ef10-c2d5-4d81-aa5d-1c5b9078f350","elementConfiguration":{"binding":"Form.Manuel_dato","visibility":{"action":"hide","operator":"equals","compareValue":""},"disableUpdates":false,"type":"text"}},{"type":"shape","id":"544a6d48-e6a2-403c-b145-5390b140bd43","elementConfiguration":{"binding":"UserProfile.Office.LogoH_PP_DCU","inheritDimensions":"inheritWidth","width":"1.91 cm","disableUpdates":false,"type":"image"}},{"type":"shape","id":"db07c32d-24f1-4002-a037-3bd914db5a29","elementConfiguration":{"binding":"UserProfile.Office.Virksomhed_{{DocumentLanguage}}","disableUpdates":false,"type":"text"}},{"type":"shape","id":"266523ca-ffa1-4851-9697-d05e40013689","elementConfiguration":{"binding":"UserProfile.CenterFreeText","visibility":{"action":"hide","binding":"UserProfile.Centers.CenterUI","operator":"notEquals","compareValue":"Intet valgt"},"disableUpdates":false,"type":"text"}},{"type":"shape","id":"11b8ba0b-4c04-4f96-9a25-17bd5c93a477","elementConfiguration":{"binding":"UserProfile.Centers.Center_{{DocumentLanguage}}","visibility":{"action":"hide","binding":"UserProfile.Centers.CenterUI","operator":"equals","compareValue":"Intet valgt"},"disableUpdates":false,"type":"text"}},{"type":"shape","id":"5a99a45a-8485-4cae-9110-0292550e78b1","elementConfiguration":{"binding":"Form.PresentationTitle","disableUpdates":false,"type":"text"}},{"type":"shape","id":"b0c91e13-1cf8-43e1-b9bc-833b453cc2da","elementConfiguration":{"binding":"UserProfile.Office.LogoColor_DCU","inheritDimensions":"inheritNone","width":"1.9 cm","height":"1.9 cm","disableUpdates":false,"type":"image"}},{"type":"shape","id":"60829de6-0ab4-4798-86ec-f474796c6bdd","elementConfiguration":{"binding":"UserProfile.EkstraLogo.ExtraLogoPPNEGDCU_{{DocumentLanguage}}","inheritDimensions":"inheritNone","width":"3.68 cm","height":"1.17 cm","disableUpdates":false,"type":"image"}},{"type":"shape","id":"1351482e-6ac5-4574-b5d4-cf417ba45977","elementConfiguration":{"binding":"UserProfile.EkstraLogo.ExtraLogoFive_PP_DCU_{{DocumentLanguage}}","inheritDimensions":"inheritNone","width":"2.42 cm","height":"2.5 cm","disableUpdates":false,"type":"image"}},{"type":"shape","id":"1e4cebfe-cb89-40d3-bb71-1e839f2f0580","elementConfiguration":{"binding":"UserProfile.EkstraLogo.ExtraLogoTwo_PP_DCU_{{DocumentLanguage}}","inheritDimensions":"inheritNone","width":"2.42 cm","height":"2.5 cm","disableUpdates":false,"type":"image"}},{"type":"shape","id":"4523421e-8b24-4069-b54d-95237060ca50","elementConfiguration":{"binding":"UserProfile.EkstraLogo.ExtraLogoSix_PP_DCU_{{DocumentLanguage}}","inheritDimensions":"inheritNone","width":"11.6 cm","height":"1.72 cm","disableUpdates":false,"type":"image"}},{"type":"shape","id":"8cefd059-e7cb-4cb1-95bb-59a4a5d3f4af","elementConfiguration":{"binding":"UserProfile.Name","visibility":{"action":"hide","binding":"Form.Manuel_dato","operator":"notEquals","compareValue":""},"disableUpdates":false,"type":"text"}},{"type":"shape","id":"c121393a-469e-4ba4-8dec-025651729587","elementConfiguration":{"binding":"Form.Manuel_dato","visibility":{"action":"hide","operator":"equals","compareValue":""},"disableUpdates":false,"type":"text"}},{"type":"shape","id":"1596df42-3085-4024-8eca-e19b32bfc2d7","elementConfiguration":{"binding":"UserProfile.Office.LogoH_PP_DCU","inheritDimensions":"inheritWidth","width":"1.91 cm","disableUpdates":false,"type":"image"}},{"type":"shape","id":"c92cbd29-20f8-40a9-a5fd-bef3d7ee4d6c","elementConfiguration":{"binding":"UserProfile.Office.LogoColor_DCU","inheritDimensions":"inheritNone","width":"1.9 cm","height":"13.39 cm","disableUpdates":false,"type":"image"}},{"type":"shape","id":"ac2772d8-6442-457a-a177-d817c825dd99","elementConfiguration":{"binding":"UserProfile.Centers.VaelgKorrektSkabelon169DCU","inheritDimensions":"inheritNone","width":"33.89 cm","height":"19.07 cm","disableUpdates":false,"type":"image"}},{"type":"shape","id":"c98a04b0-4d32-426d-88cb-7e1e76cc3ff2","elementConfiguration":{"binding":"UserProfile.Centers.VaelgKorrektSkabelon169DCU","inheritDimensions":"inheritNone","width":"33.89 cm","height":"19.07 cm","disableUpdates":false,"type":"image"}},{"type":"shape","id":"1eed4446-690d-4ece-ac5d-a396acc85875","elementConfiguration":{"binding":"Form.PresentationTitle","disableUpdates":false,"type":"text"}},{"type":"shape","id":"e6de6028-e857-420d-9c77-98d2328c0655","elementConfiguration":{"binding":"UserProfile.Name","visibility":{"action":"hide","binding":"Form.Manuel_dato","operator":"notEquals","compareValue":""},"disableUpdates":false,"type":"text"}},{"type":"shape","id":"c786ccf4-da17-4a48-a981-6932e870c2f3","elementConfiguration":{"binding":"UserProfile.EkstraLogo.ExtraLogoPPNEGDCU_{{DocumentLanguage}}","inheritDimensions":"inheritNone","width":"3.68 cm","height":"1.17 cm","disableUpdates":false,"type":"image"}},{"type":"shape","id":"bec14212-520a-4798-8852-546ad569b733","elementConfiguration":{"binding":"UserProfile.EkstraLogo.ExtraLogoSix_PP_DCU_{{DocumentLanguage}}","inheritDimensions":"inheritNone","width":"11.6 cm","height":"1.72 cm","disableUpdates":false,"type":"image"}},{"type":"shape","id":"468c8706-475e-4d7c-b8c3-7cfb50dad981","elementConfiguration":{"binding":"UserProfile.EkstraLogo.ExtraLogoFive_PP_DCU_{{DocumentLanguage}}","inheritDimensions":"inheritNone","width":"2.42 cm","height":"2.5 cm","disableUpdates":false,"type":"image"}},{"type":"shape","id":"55e132f2-7ba0-46c0-a0b3-57997a0a5fb6","elementConfiguration":{"binding":"UserProfile.EkstraLogo.ExtraLogoTwo_PP_DCU_{{DocumentLanguage}}","inheritDimensions":"inheritNone","width":"2.42 cm","height":"2.5 cm","disableUpdates":false,"type":"image"}},{"type":"shape","id":"32dbb894-03b3-4042-b314-18058768384c","elementConfiguration":{"binding":"UserProfile.Office.Virksomhed_{{DocumentLanguage}}","disableUpdates":false,"type":"text"}},{"type":"shape","id":"af6bcf37-aae9-4bfe-a9b3-4589ce42c1ce","elementConfiguration":{"binding":"UserProfile.CenterFreeText","visibility":{"action":"hide","binding":"UserProfile.Centers.CenterUI","operator":"notEquals","compareValue":"Intet valgt"},"disableUpdates":false,"type":"text"}},{"type":"shape","id":"28ff8981-0874-4deb-8d9a-c451178f8011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c3555493-981a-485a-8684-d3ae3073f3ad","elementConfiguration":{"binding":"Form.Manuel_dato","visibility":{"action":"hide","operator":"equals","compareValue":""},"disableUpdates":false,"type":"text"}},{"type":"shape","id":"e3b2dfde-4cd5-4288-9880-ba2b02d88688","elementConfiguration":{"binding":"UserProfile.Office.LogoH_PP_DCU","inheritDimensions":"inheritWidth","width":"1.91 cm","disableUpdates":false,"type":"image"}},{"type":"shape","id":"646538a5-90c4-469e-a401-49e6dae660a3","elementConfiguration":{"binding":"UserProfile.Office.Virksomhed_{{DocumentLanguage}}","disableUpdates":false,"type":"text"}},{"type":"shape","id":"e79e4276-449c-4c0e-a07d-aa71e7b69a5c","elementConfiguration":{"binding":"UserProfile.CenterFreeText","visibility":{"action":"hide","binding":"UserProfile.Centers.CenterUI","operator":"notEquals","compareValue":"Intet valgt"},"disableUpdates":false,"type":"text"}},{"type":"shape","id":"1bb6f7ee-2995-4b95-8d16-eb4662cd843c","elementConfiguration":{"binding":"UserProfile.Centers.Center_{{DocumentLanguage}}","visibility":{"action":"hide","binding":"UserProfile.Centers.CenterUI","operator":"equals","compareValue":"Intet valgt"},"disableUpdates":false,"type":"text"}},{"type":"shape","id":"a9e663ae-a410-4380-8db5-04e3d0e1fab9","elementConfiguration":{"binding":"Form.PresentationTitle","disableUpdates":false,"type":"text"}},{"type":"shape","id":"7499fd26-4a65-48cf-a291-6b91f774c5a2","elementConfiguration":{"binding":"UserProfile.Office.LogoColor_DCU","inheritDimensions":"inheritNone","width":"1.9 cm","height":"1.9 cm","disableUpdates":false,"type":"image"}},{"type":"shape","id":"b2d498df-7932-45b8-914c-d86b2d1dbb16","elementConfiguration":{"binding":"UserProfile.EkstraLogo.ExtraLogoPPNEGDCU_{{DocumentLanguage}}","inheritDimensions":"inheritNone","width":"3.68 cm","height":"1.17 cm","disableUpdates":false,"type":"image"}},{"type":"shape","id":"7f1cb2d9-c886-47fa-ad12-4fc881420eb9","elementConfiguration":{"binding":"UserProfile.EkstraLogo.ExtraLogoFive_PP_DCU_{{DocumentLanguage}}","inheritDimensions":"inheritNone","width":"2.42 cm","height":"2.5 cm","disableUpdates":false,"type":"image"}},{"type":"shape","id":"6ec4f1f0-3e92-4fe0-bf82-18603706fcc6","elementConfiguration":{"binding":"UserProfile.EkstraLogo.ExtraLogoTwo_PP_DCU_{{DocumentLanguage}}","inheritDimensions":"inheritNone","width":"2.42 cm","height":"2.5 cm","disableUpdates":false,"type":"image"}},{"type":"shape","id":"087a42d3-529b-4b03-96e0-da778bb20d57","elementConfiguration":{"binding":"UserProfile.EkstraLogo.ExtraLogoSix_PP_DCU_{{DocumentLanguage}}","inheritDimensions":"inheritNone","width":"11.6 cm","height":"1.72 cm","disableUpdates":false,"type":"image"}},{"type":"shape","id":"86fa82ad-eb99-4988-b77f-f0f2655029b7","elementConfiguration":{"binding":"UserProfile.Name","visibility":{"action":"hide","binding":"Form.Manuel_dato","operator":"notEquals","compareValue":""},"disableUpdates":false,"type":"text"}},{"type":"shape","id":"e5e7ee6c-8355-406a-926c-bc75aff0de96","elementConfiguration":{"binding":"Form.Manuel_dato","visibility":{"action":"hide","operator":"equals","compareValue":""},"disableUpdates":false,"type":"text"}},{"type":"shape","id":"f2f4b97a-bf96-4053-9089-36853f15754c","elementConfiguration":{"binding":"UserProfile.Office.LogoH_PP_DCU","inheritDimensions":"inheritWidth","width":"1.91 cm","disableUpdates":false,"type":"image"}},{"type":"shape","id":"57489460-3d52-4900-9852-26126cef0b37","elementConfiguration":{"binding":"UserProfile.Office.LogoColor_DCU","inheritDimensions":"inheritNone","width":"1.9 cm","height":"1.9 cm","disableUpdates":false,"type":"image"}},{"type":"shape","id":"03309f4d-0a4d-49f3-8af2-82723f7f49b3","elementConfiguration":{"binding":"UserProfile.Office.Virksomhed_{{DocumentLanguage}}","disableUpdates":false,"type":"text"}},{"type":"shape","id":"920f7738-b232-48c6-8a36-20eed3f9f4bb","elementConfiguration":{"binding":"UserProfile.CenterFreeText","visibility":{"action":"hide","binding":"UserProfile.Centers.CenterUI","operator":"notEquals","compareValue":"Intet valgt"},"disableUpdates":false,"type":"text"}},{"type":"shape","id":"7ee911fd-e4b6-448c-ad87-430081c05aef","elementConfiguration":{"binding":"UserProfile.Centers.Center_{{DocumentLanguage}}","visibility":{"action":"hide","binding":"UserProfile.Centers.CenterUI","operator":"equals","compareValue":"Intet valgt"},"disableUpdates":false,"type":"text"}},{"type":"shape","id":"9c7a5f05-8120-4aff-ac0f-4d11376b2efd","elementConfiguration":{"binding":"Form.PresentationTitle","disableUpdates":false,"type":"text"}},{"type":"shape","id":"888845f8-1f46-404e-a01b-f4af125e2d0a","elementConfiguration":{"binding":"UserProfile.EkstraLogo.ExtraLogoPPNEGDCU_{{DocumentLanguage}}","inheritDimensions":"inheritNone","width":"3.68 cm","height":"1.17 cm","disableUpdates":false,"type":"image"}},{"type":"shape","id":"8fbea72d-9ad5-4504-b8ba-4ebba5bf4c26","elementConfiguration":{"binding":"UserProfile.EkstraLogo.ExtraLogoFive_PP_DCU_{{DocumentLanguage}}","inheritDimensions":"inheritNone","width":"2.42 cm","height":"2.5 cm","disableUpdates":false,"type":"image"}},{"type":"shape","id":"094ed378-7d0a-4cdf-9aee-c41c39add48d","elementConfiguration":{"binding":"UserProfile.EkstraLogo.ExtraLogoTwo_PP_DCU_{{DocumentLanguage}}","inheritDimensions":"inheritNone","width":"2.42 cm","height":"2.5 cm","disableUpdates":false,"type":"image"}},{"type":"shape","id":"e32c7764-698a-4706-b0e2-529a8b28c581","elementConfiguration":{"binding":"UserProfile.EkstraLogo.ExtraLogoSix_PP_DCU_{{DocumentLanguage}}","inheritDimensions":"inheritNone","width":"11.6 cm","height":"1.72 cm","disableUpdates":false,"type":"image"}},{"type":"shape","id":"f71e99bb-0ef0-4717-a8b2-bcbd98372db5","elementConfiguration":{"binding":"UserProfile.Name","visibility":{"action":"hide","binding":"Form.Manuel_dato","operator":"notEquals","compareValue":""},"disableUpdates":false,"type":"text"}},{"type":"shape","id":"9bf47c1a-c4db-4bbb-a065-f8b32b0f00c4","elementConfiguration":{"binding":"Form.Manuel_dato","visibility":{"action":"hide","operator":"equals","compareValue":""},"disableUpdates":false,"type":"text"}},{"type":"shape","id":"eb9a617e-1325-4582-ae8b-e73a46a2f3d1","elementConfiguration":{"binding":"UserProfile.Office.LogoH_PP_DCU","inheritDimensions":"inheritWidth","width":"1.91 cm","disableUpdates":false,"type":"image"}},{"type":"shape","id":"f8668298-2d16-4559-a080-a21eaf7916c4","elementConfiguration":{"binding":"UserProfile.Office.Virksomhed_{{DocumentLanguage}}","disableUpdates":false,"type":"text"}},{"type":"shape","id":"5bbd5f43-ebed-4018-9b29-cd58899270a9","elementConfiguration":{"binding":"UserProfile.CenterFreeText","visibility":{"action":"hide","binding":"UserProfile.Centers.CenterUI","operator":"notEquals","compareValue":"Intet valgt"},"disableUpdates":false,"type":"text"}},{"type":"shape","id":"f560bfc0-57fa-462e-94fb-f85ed774f389","elementConfiguration":{"binding":"UserProfile.Centers.Center_{{DocumentLanguage}}","visibility":{"action":"hide","binding":"UserProfile.Centers.CenterUI","operator":"equals","compareValue":"Intet valgt"},"disableUpdates":false,"type":"text"}},{"type":"shape","id":"8339a50e-92bc-46da-bb58-6633a2644e3a","elementConfiguration":{"binding":"Form.PresentationTitle","disableUpdates":false,"type":"text"}},{"type":"shape","id":"d99507ce-1c73-4601-adcf-1acfdfc513c0","elementConfiguration":{"binding":"UserProfile.Office.LogoColor_DCU","inheritDimensions":"inheritNone","width":"1.9 cm","height":"1.9 cm","disableUpdates":false,"type":"image"}},{"type":"shape","id":"9fd55835-2f56-436d-844c-3795893d7723","elementConfiguration":{"binding":"UserProfile.EkstraLogo.ExtraLogoPPNEGDCU_{{DocumentLanguage}}","inheritDimensions":"inheritNone","width":"3.68 cm","height":"1.17 cm","disableUpdates":false,"type":"image"}},{"type":"shape","id":"67442dbf-2960-48d4-a629-0ca694f20600","elementConfiguration":{"binding":"UserProfile.EkstraLogo.ExtraLogoFive_PP_DCU_{{DocumentLanguage}}","inheritDimensions":"inheritNone","width":"2.42 cm","height":"2.5 cm","disableUpdates":false,"type":"image"}},{"type":"shape","id":"58fe33b1-9a3b-4e43-816a-ee292a53a4d0","elementConfiguration":{"binding":"UserProfile.EkstraLogo.ExtraLogoTwo_PP_DCU_{{DocumentLanguage}}","inheritDimensions":"inheritNone","width":"2.42 cm","height":"2.5 cm","disableUpdates":false,"type":"image"}},{"type":"shape","id":"ba6c211f-cd9d-42a7-afb1-f4e3420f354c","elementConfiguration":{"binding":"UserProfile.EkstraLogo.ExtraLogoSix_PP_DCU_{{DocumentLanguage}}","inheritDimensions":"inheritNone","width":"11.6 cm","height":"1.72 cm","disableUpdates":false,"type":"image"}},{"type":"shape","id":"1d730888-4a4c-42ff-8fe5-ab4d328289fb","elementConfiguration":{"binding":"UserProfile.Name","visibility":{"action":"hide","binding":"Form.Manuel_dato","operator":"notEquals","compareValue":""},"disableUpdates":false,"type":"text"}},{"type":"shape","id":"342433dc-2770-4922-8998-548bdda81446","elementConfiguration":{"binding":"Form.Manuel_dato","visibility":{"action":"hide","operator":"equals","compareValue":""},"disableUpdates":false,"type":"text"}},{"type":"shape","id":"9be4ffb7-e5aa-429d-80ef-cb23a8e64ef5","elementConfiguration":{"binding":"UserProfile.Office.LogoH_PP_DCU","inheritDimensions":"inheritWidth","width":"1.91 cm","disableUpdates":false,"type":"image"}},{"type":"shape","id":"7988b4b3-cf3d-4c5a-93fc-88445081269f","elementConfiguration":{"binding":"UserProfile.Office.LogoColor_DCU","inheritDimensions":"inheritNone","width":"1.9 cm","height":"13.39 cm","disableUpdates":false,"type":"image"}},{"type":"shape","id":"937b6b1e-341a-4d9b-84e6-90225f9ab42f","elementConfiguration":{"binding":"UserProfile.EkstraLogo.ExtraLogoPPDCU_{{DocumentLanguage}}","inheritDimensions":"inheritNone","width":"3.68 cm","height":"1.17 cm","disableUpdates":false,"type":"image"}},{"type":"shape","id":"23fc1e85-e863-4052-89ef-bba0453985a4","elementConfiguration":{"binding":"UserProfile.Office.Virksomhed_{{DocumentLanguage}}","disableUpdates":false,"type":"text"}},{"type":"shape","id":"fd94ac10-9833-4f48-a910-a976fc748350","elementConfiguration":{"binding":"UserProfile.CenterFreeText","visibility":{"action":"hide","binding":"UserProfile.Centers.CenterUI","operator":"notEquals","compareValue":"Intet valgt"},"disableUpdates":false,"type":"text"}},{"type":"shape","id":"9bf76412-f377-4562-95a5-c8dc211fd25a","elementConfiguration":{"binding":"UserProfile.Centers.Center_{{DocumentLanguage}}","visibility":{"action":"hide","binding":"UserProfile.Centers.CenterUI","operator":"equals","compareValue":"Intet valgt"},"disableUpdates":false,"type":"text"}},{"type":"shape","id":"1d6b1525-020d-46ac-a633-a6c759ea6f0e","elementConfiguration":{"binding":"Form.PresentationTitle","disableUpdates":false,"type":"text"}},{"type":"shape","id":"26e39893-dab2-4d18-abe4-fec90fbdb510","elementConfiguration":{"binding":"UserProfile.EkstraLogo.ExtraLogoFive_PP_DCU_{{DocumentLanguage}}","inheritDimensions":"inheritNone","width":"2.42 cm","height":"2.5 cm","disableUpdates":false,"type":"image"}},{"type":"shape","id":"e494a1f3-30d1-4a99-ac83-2454bb65eefb","elementConfiguration":{"binding":"UserProfile.EkstraLogo.ExtraLogoTwo_PP_DCU_{{DocumentLanguage}}","inheritDimensions":"inheritNone","width":"2.42 cm","height":"2.5 cm","disableUpdates":false,"type":"image"}},{"type":"shape","id":"cb68768d-ef9a-4d2e-ae0b-c09e611b5fd4","elementConfiguration":{"binding":"UserProfile.EkstraLogo.ExtraLogoSix_PP_DCU_{{DocumentLanguage}}","inheritDimensions":"inheritNone","width":"11.6 cm","height":"1.72 cm","disableUpdates":false,"type":"image"}},{"type":"shape","id":"c5064ab0-796e-4846-b1be-e4ec235bdbb6","elementConfiguration":{"binding":"UserProfile.Name","visibility":{"action":"hide","binding":"Form.Manuel_dato","operator":"notEquals","compareValue":""},"disableUpdates":false,"type":"text"}},{"type":"shape","id":"5cdb1cb1-06d5-4c05-99d4-b76bd44ba8cf","elementConfiguration":{"binding":"Form.Manuel_dato","visibility":{"action":"hide","operator":"equals","compareValue":""},"disableUpdates":false,"type":"text"}},{"type":"shape","id":"1cd1b43a-9c48-4770-82aa-82d4c84123b4","elementConfiguration":{"binding":"UserProfile.Office.LogoH_PP_DCU","inheritDimensions":"inheritWidth","width":"1.91 cm","disableUpdates":false,"type":"image"}},{"type":"shape","id":"223c314b-e880-451b-84c9-bf35ddf4471d","elementConfiguration":{"binding":"UserProfile.Office.Virksomhed_{{DocumentLanguage}}","disableUpdates":false,"type":"text"}},{"type":"shape","id":"d9d785fb-cc84-4238-be30-9ed4341fecae","elementConfiguration":{"binding":"UserProfile.CenterFreeText","visibility":{"action":"hide","binding":"UserProfile.Centers.CenterUI","operator":"notEquals","compareValue":"Intet valgt","compareValues":[""]},"disableUpdates":false,"type":"text"}},{"type":"shape","id":"ec97fc0a-17e9-4e31-9181-dfda926a4eb4","elementConfiguration":{"binding":"UserProfile.Centers.Center_{{DocumentLanguage}}","visibility":{"action":"hide","binding":"UserProfile.Centers.CenterUI","operator":"equals","compareValue":"Intet valgt"},"disableUpdates":false,"type":"text"}},{"type":"shape","id":"c5a0c7e2-bf17-400e-9455-2dbfd43caac5","elementConfiguration":{"binding":"Form.PresentationTitle","disableUpdates":false,"type":"text"}},{"type":"shape","id":"e85ba65c-d385-4123-b717-f03e33d6f0e5","elementConfiguration":{"binding":"UserProfile.Office.LogoColor_DCU","inheritDimensions":"inheritNone","width":"1.9 cm","height":"1.9 cm","disableUpdates":false,"type":"image"}},{"type":"shape","id":"332c1236-97e9-4677-a15b-647e8adb7f14","elementConfiguration":{"binding":"UserProfile.EkstraLogo.ExtraLogoPPNEGDCU_{{DocumentLanguage}}","inheritDimensions":"inheritNone","width":"3.68 cm","height":"1.17 cm","disableUpdates":false,"type":"image"}},{"type":"shape","id":"09c71954-5c35-4d8b-85af-6c32e4295268","elementConfiguration":{"binding":"UserProfile.EkstraLogo.ExtraLogoFive_PP_DCU_{{DocumentLanguage}}","inheritDimensions":"inheritNone","width":"2.42 cm","height":"2.5 cm","disableUpdates":false,"type":"image"}},{"type":"shape","id":"14f24d40-bcce-4c16-8f15-15f4e7950825","elementConfiguration":{"binding":"UserProfile.EkstraLogo.ExtraLogoTwo_PP_DCU_{{DocumentLanguage}}","inheritDimensions":"inheritNone","width":"2.42 cm","height":"2.5 cm","disableUpdates":false,"type":"image"}},{"type":"shape","id":"8918fe27-e126-41f3-aa57-2ef18c83f333","elementConfiguration":{"binding":"UserProfile.EkstraLogo.ExtraLogoSix_PP_DCU_{{DocumentLanguage}}","inheritDimensions":"inheritNone","width":"11.6 cm","height":"1.72 cm","disableUpdates":false,"type":"image"}},{"type":"shape","id":"aff8aabe-8869-44d9-946a-db7bd0410929","elementConfiguration":{"binding":"UserProfile.Name","visibility":{"action":"hide","binding":"Form.Manuel_dato","operator":"notEquals","compareValue":""},"disableUpdates":false,"type":"text"}},{"type":"shape","id":"b2db1f8d-4ad5-4927-8c57-44c8a585281d","elementConfiguration":{"binding":"Form.Manuel_dato","visibility":{"action":"hide","operator":"equals","compareValue":""},"disableUpdates":false,"type":"text"}},{"type":"shape","id":"70beeaba-b37e-4c34-a642-7ea51935ae16","elementConfiguration":{"binding":"UserProfile.Office.LogoH_PP_DCU","inheritDimensions":"inheritWidth","width":"1.91 cm","disableUpdates":false,"type":"image"}},{"type":"shape","id":"9977ea90-a306-4a96-b7f2-8839ef53b8d4","elementConfiguration":{"binding":"UserProfile.Office.Virksomhed_{{DocumentLanguage}}","disableUpdates":false,"type":"text"}},{"type":"shape","id":"751e750c-6182-4a2d-bd6f-b11b317f4934","elementConfiguration":{"binding":"UserProfile.CenterFreeText","visibility":{"action":"hide","binding":"UserProfile.Centers.CenterUI","operator":"notEquals","compareValue":"Intet valgt"},"disableUpdates":false,"type":"text"}},{"type":"shape","id":"3c2a412b-b8aa-4be1-a7b1-f23a7d871920","elementConfiguration":{"binding":"UserProfile.Centers.Center_{{DocumentLanguage}}","visibility":{"action":"hide","binding":"UserProfile.Centers.CenterUI","operator":"equals","compareValue":"Intet valgt"},"disableUpdates":false,"type":"text"}},{"type":"shape","id":"6bc3bc75-d056-4e4c-8d4e-9ef96b8546ab","elementConfiguration":{"binding":"Form.PresentationTitle","disableUpdates":false,"type":"text"}},{"type":"shape","id":"6708965e-0306-4611-b03a-e041ab30fe64","elementConfiguration":{"binding":"UserProfile.Office.LogoColor_DCU","inheritDimensions":"inheritNone","width":"1.9 cm","height":"1.9 cm","disableUpdates":false,"type":"image"}},{"type":"shape","id":"d44cab51-721b-4c36-a2cd-7b0185072f71","elementConfiguration":{"binding":"UserProfile.EkstraLogo.ExtraLogoPPNEGDCU_{{DocumentLanguage}}","inheritDimensions":"inheritNone","width":"3.68 cm","height":"1.17 cm","disableUpdates":false,"type":"image"}},{"type":"shape","id":"6433ce9e-14dd-4616-a19d-49981f841c31","elementConfiguration":{"binding":"UserProfile.EkstraLogo.ExtraLogoFive_PP_DCU_{{DocumentLanguage}}","inheritDimensions":"inheritNone","width":"2.42 cm","height":"2.5 cm","disableUpdates":false,"type":"image"}},{"type":"shape","id":"8ffc705a-5f4c-46da-a7dc-b00cf3803b86","elementConfiguration":{"binding":"UserProfile.EkstraLogo.ExtraLogoTwo_PP_DCU_{{DocumentLanguage}}","inheritDimensions":"inheritNone","width":"2.42 cm","height":"2.5 cm","disableUpdates":false,"type":"image"}},{"type":"shape","id":"b1fb5a61-5669-49e1-8587-ad8755cf27c2","elementConfiguration":{"binding":"UserProfile.EkstraLogo.ExtraLogoSix_PP_DCU_{{DocumentLanguage}}","inheritDimensions":"inheritNone","width":"11.6 cm","height":"1.72 cm","disableUpdates":false,"type":"image"}},{"type":"shape","id":"a21fa079-b7ba-4ebe-b87e-da4ad2226915","elementConfiguration":{"binding":"UserProfile.Name","visibility":{"action":"hide","binding":"Form.Manuel_dato","operator":"notEquals","compareValue":""},"disableUpdates":false,"type":"text"}},{"type":"shape","id":"7ae0b680-25b5-4e70-959a-53b8b54258b1","elementConfiguration":{"binding":"Form.Manuel_dato","visibility":{"action":"hide","operator":"equals","compareValue":""},"disableUpdates":false,"type":"text"}},{"type":"shape","id":"b1faeb58-c335-4768-a882-feb27d8997c1","elementConfiguration":{"binding":"UserProfile.Office.LogoH_PP_DCU","inheritDimensions":"inheritWidth","width":"1.91 cm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FÆLLES standard PowerPoint-præsentation 16:9","templateDescription":"Logo, enhedsnavn og farver følger dine valg i din brugerprofil","enableDocumentContentUpdater":true,"version":"1.3"}]]></TemplafyTemplateConfiguration>
</file>

<file path=customXml/item6.xml><?xml version="1.0" encoding="utf-8"?>
<TemplafyFormConfiguration><![CDATA[{"formFields":[{"required":false,"placeholder":"Præsentationens titel/beskrivelse (venstre sidefod)","lines":0,"type":"textBox","name":"PresentationTitle","label":"Titel/beskrivelse","helpTexts":{"prefix":"","postfix":""},"spacing":{},"fullyQualifiedName":"PresentationTitle"},{"required":false,"placeholder":"","lines":0,"type":"textBox","name":"Manuel_dato","label":"Dato","helpTexts":{"prefix":"Indsæt ønsket dato (fjerner brugernavnet)","postfix":""},"spacing":{},"fullyQualifiedName":"Manuel_dato"}],"formDataEntries":[]}]]></Templafy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6873729730000056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4D4D04F6-2685-4990-9B72-1BA28A8B9788}">
  <ds:schemaRefs/>
</ds:datastoreItem>
</file>

<file path=customXml/itemProps2.xml><?xml version="1.0" encoding="utf-8"?>
<ds:datastoreItem xmlns:ds="http://schemas.openxmlformats.org/officeDocument/2006/customXml" ds:itemID="{7200C2A8-2F34-4CEB-AC93-8D1E85273CDA}">
  <ds:schemaRefs/>
</ds:datastoreItem>
</file>

<file path=customXml/itemProps3.xml><?xml version="1.0" encoding="utf-8"?>
<ds:datastoreItem xmlns:ds="http://schemas.openxmlformats.org/officeDocument/2006/customXml" ds:itemID="{B6DA0C6C-9E7D-402B-8CA3-ACB3B6265A98}">
  <ds:schemaRefs/>
</ds:datastoreItem>
</file>

<file path=customXml/itemProps4.xml><?xml version="1.0" encoding="utf-8"?>
<ds:datastoreItem xmlns:ds="http://schemas.openxmlformats.org/officeDocument/2006/customXml" ds:itemID="{E53D1538-2B10-42E3-B3A2-D052B27F0EF7}">
  <ds:schemaRefs/>
</ds:datastoreItem>
</file>

<file path=customXml/itemProps5.xml><?xml version="1.0" encoding="utf-8"?>
<ds:datastoreItem xmlns:ds="http://schemas.openxmlformats.org/officeDocument/2006/customXml" ds:itemID="{978984FF-6C25-4FD4-85EA-2F9586C8CA61}">
  <ds:schemaRefs/>
</ds:datastoreItem>
</file>

<file path=customXml/itemProps6.xml><?xml version="1.0" encoding="utf-8"?>
<ds:datastoreItem xmlns:ds="http://schemas.openxmlformats.org/officeDocument/2006/customXml" ds:itemID="{B0D2E709-FA3C-4E2D-A1F5-DD257C406372}">
  <ds:schemaRefs/>
</ds:datastoreItem>
</file>

<file path=customXml/itemProps7.xml><?xml version="1.0" encoding="utf-8"?>
<ds:datastoreItem xmlns:ds="http://schemas.openxmlformats.org/officeDocument/2006/customXml" ds:itemID="{B71DE75D-7B7C-48B1-8F13-5E4B91AD1987}">
  <ds:schemaRefs/>
</ds:datastoreItem>
</file>

<file path=customXml/itemProps8.xml><?xml version="1.0" encoding="utf-8"?>
<ds:datastoreItem xmlns:ds="http://schemas.openxmlformats.org/officeDocument/2006/customXml" ds:itemID="{160F3147-277B-485F-8D25-AF0F10826A4A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53</Words>
  <Application>Microsoft Office PowerPoint</Application>
  <PresentationFormat>Widescreen</PresentationFormat>
  <Paragraphs>285</Paragraphs>
  <Slides>21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1</vt:i4>
      </vt:variant>
    </vt:vector>
  </HeadingPairs>
  <TitlesOfParts>
    <vt:vector size="24" baseType="lpstr">
      <vt:lpstr>Arial</vt:lpstr>
      <vt:lpstr>Calibri</vt:lpstr>
      <vt:lpstr>REGION H Hospital PowerPoint Skabelon_DKfinal</vt:lpstr>
      <vt:lpstr>A-Z gennemgang af forberedelseprocessen for IT-flytninger foranlediget af store byggerier</vt:lpstr>
      <vt:lpstr>Agenda</vt:lpstr>
      <vt:lpstr>PowerPoint-præsentation</vt:lpstr>
      <vt:lpstr>Hvem er Center for IT, Medico og Telefoni</vt:lpstr>
      <vt:lpstr>CIMT Byggeprogrammets leverancematrix til hospitalsbyggerierne</vt:lpstr>
      <vt:lpstr>Koncept for leverancesporet IT-udstyr  Projektinitiering</vt:lpstr>
      <vt:lpstr>Konceptets faser Generisk milepælsplan</vt:lpstr>
      <vt:lpstr>AS-IS</vt:lpstr>
      <vt:lpstr>TO-BE</vt:lpstr>
      <vt:lpstr>GAP-analyse</vt:lpstr>
      <vt:lpstr>Pre-etablering </vt:lpstr>
      <vt:lpstr>Pre-etablering – Økonomisk beslutningsgrundlag</vt:lpstr>
      <vt:lpstr>Flytteperioden</vt:lpstr>
      <vt:lpstr>Leverancesporet IT-udstyr Ressourceestimat 2019-20</vt:lpstr>
      <vt:lpstr>Hypercare</vt:lpstr>
      <vt:lpstr>Fraflytning</vt:lpstr>
      <vt:lpstr>Evaluering</vt:lpstr>
      <vt:lpstr>CIMT Byggeprogram Principper for håndtering af IT-udstyr </vt:lpstr>
      <vt:lpstr>Tværgående regionalt samarbejde Håndtering af IT-udstyr</vt:lpstr>
      <vt:lpstr>PowerPoint-præsentation</vt:lpstr>
      <vt:lpstr>PowerPoint-præsenta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19-09-16T11:56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19-03-05T08:56:12.5785354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6876355292213996</vt:lpwstr>
  </property>
  <property fmtid="{D5CDD505-2E9C-101B-9397-08002B2CF9AE}" pid="7" name="TemplafyLanguageCode">
    <vt:lpwstr>da-DK</vt:lpwstr>
  </property>
</Properties>
</file>